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4"/>
    <p:sldMasterId id="2147483662" r:id="rId5"/>
  </p:sldMasterIdLst>
  <p:notesMasterIdLst>
    <p:notesMasterId r:id="rId10"/>
  </p:notesMasterIdLst>
  <p:sldIdLst>
    <p:sldId id="275" r:id="rId6"/>
    <p:sldId id="271" r:id="rId7"/>
    <p:sldId id="274" r:id="rId8"/>
    <p:sldId id="273" r:id="rId9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36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55C70489-7B77-9276-5AFE-E5B1F1897729}" name="Katie Erofeeva" initials="KE" userId="S::erofeevak@iata.org::9bb4228e-397b-48a3-9610-2a1c04e66adc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D31FA"/>
    <a:srgbClr val="F04632"/>
    <a:srgbClr val="0377B5"/>
    <a:srgbClr val="11ACE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C674974D-4C62-4B98-AB94-9AF388D7E42D}" v="116" dt="2024-01-03T11:48:52.423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slideViewPr>
    <p:cSldViewPr snapToGrid="0">
      <p:cViewPr>
        <p:scale>
          <a:sx n="1" d="2"/>
          <a:sy n="1" d="2"/>
        </p:scale>
        <p:origin x="0" y="0"/>
      </p:cViewPr>
      <p:guideLst>
        <p:guide orient="horz" pos="2136"/>
        <p:guide pos="3840"/>
      </p:guideLst>
    </p:cSldViewPr>
  </p:slide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3.xml"/><Relationship Id="rId13" Type="http://schemas.openxmlformats.org/officeDocument/2006/relationships/theme" Target="theme/theme1.xml"/><Relationship Id="rId3" Type="http://schemas.openxmlformats.org/officeDocument/2006/relationships/customXml" Target="../customXml/item3.xml"/><Relationship Id="rId7" Type="http://schemas.openxmlformats.org/officeDocument/2006/relationships/slide" Target="slides/slide2.xml"/><Relationship Id="rId12" Type="http://schemas.openxmlformats.org/officeDocument/2006/relationships/viewProps" Target="viewProps.xml"/><Relationship Id="rId17" Type="http://schemas.microsoft.com/office/2018/10/relationships/authors" Target="authors.xml"/><Relationship Id="rId2" Type="http://schemas.openxmlformats.org/officeDocument/2006/relationships/customXml" Target="../customXml/item2.xml"/><Relationship Id="rId16" Type="http://schemas.microsoft.com/office/2015/10/relationships/revisionInfo" Target="revisionInfo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1" Type="http://schemas.openxmlformats.org/officeDocument/2006/relationships/presProps" Target="presProps.xml"/><Relationship Id="rId5" Type="http://schemas.openxmlformats.org/officeDocument/2006/relationships/slideMaster" Target="slideMasters/slideMaster2.xml"/><Relationship Id="rId15" Type="http://schemas.microsoft.com/office/2016/11/relationships/changesInfo" Target="changesInfos/changesInfo1.xml"/><Relationship Id="rId10" Type="http://schemas.openxmlformats.org/officeDocument/2006/relationships/notesMaster" Target="notesMasters/notesMaster1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4.xml"/><Relationship Id="rId14" Type="http://schemas.openxmlformats.org/officeDocument/2006/relationships/tableStyles" Target="tableStyle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Nataly Echezuria" userId="016cf74e-e64d-40ef-b55b-1485ed1ed370" providerId="ADAL" clId="{632A611A-C5FE-41FC-90F0-8435798CB5BA}"/>
    <pc:docChg chg="modSld">
      <pc:chgData name="Nataly Echezuria" userId="016cf74e-e64d-40ef-b55b-1485ed1ed370" providerId="ADAL" clId="{632A611A-C5FE-41FC-90F0-8435798CB5BA}" dt="2023-10-05T10:47:21.046" v="5" actId="2711"/>
      <pc:docMkLst>
        <pc:docMk/>
      </pc:docMkLst>
      <pc:sldChg chg="addSp modSp mod">
        <pc:chgData name="Nataly Echezuria" userId="016cf74e-e64d-40ef-b55b-1485ed1ed370" providerId="ADAL" clId="{632A611A-C5FE-41FC-90F0-8435798CB5BA}" dt="2023-10-05T10:47:21.046" v="5" actId="2711"/>
        <pc:sldMkLst>
          <pc:docMk/>
          <pc:sldMk cId="1842853321" sldId="270"/>
        </pc:sldMkLst>
        <pc:spChg chg="add mod">
          <ac:chgData name="Nataly Echezuria" userId="016cf74e-e64d-40ef-b55b-1485ed1ed370" providerId="ADAL" clId="{632A611A-C5FE-41FC-90F0-8435798CB5BA}" dt="2023-10-05T10:47:21.046" v="5" actId="2711"/>
          <ac:spMkLst>
            <pc:docMk/>
            <pc:sldMk cId="1842853321" sldId="270"/>
            <ac:spMk id="2" creationId="{86BBEA38-D4EA-354A-C0A7-F4FF3D9D75D3}"/>
          </ac:spMkLst>
        </pc:spChg>
      </pc:sldChg>
    </pc:docChg>
  </pc:docChgLst>
  <pc:docChgLst>
    <pc:chgData name="Nataly Echezuria" userId="016cf74e-e64d-40ef-b55b-1485ed1ed370" providerId="ADAL" clId="{B4F2FD93-4104-4FE8-BEC1-60379C13BA34}"/>
    <pc:docChg chg="custSel modSld">
      <pc:chgData name="Nataly Echezuria" userId="016cf74e-e64d-40ef-b55b-1485ed1ed370" providerId="ADAL" clId="{B4F2FD93-4104-4FE8-BEC1-60379C13BA34}" dt="2023-10-16T11:35:44.669" v="12"/>
      <pc:docMkLst>
        <pc:docMk/>
      </pc:docMkLst>
      <pc:sldChg chg="addSp delSp modSp mod">
        <pc:chgData name="Nataly Echezuria" userId="016cf74e-e64d-40ef-b55b-1485ed1ed370" providerId="ADAL" clId="{B4F2FD93-4104-4FE8-BEC1-60379C13BA34}" dt="2023-10-16T11:35:44.669" v="12"/>
        <pc:sldMkLst>
          <pc:docMk/>
          <pc:sldMk cId="2589883871" sldId="273"/>
        </pc:sldMkLst>
        <pc:spChg chg="add mod">
          <ac:chgData name="Nataly Echezuria" userId="016cf74e-e64d-40ef-b55b-1485ed1ed370" providerId="ADAL" clId="{B4F2FD93-4104-4FE8-BEC1-60379C13BA34}" dt="2023-10-16T11:34:54.789" v="4"/>
          <ac:spMkLst>
            <pc:docMk/>
            <pc:sldMk cId="2589883871" sldId="273"/>
            <ac:spMk id="5" creationId="{B29324CA-CD10-621C-5673-0710D6C3A570}"/>
          </ac:spMkLst>
        </pc:spChg>
        <pc:spChg chg="add mod ord">
          <ac:chgData name="Nataly Echezuria" userId="016cf74e-e64d-40ef-b55b-1485ed1ed370" providerId="ADAL" clId="{B4F2FD93-4104-4FE8-BEC1-60379C13BA34}" dt="2023-10-16T11:35:06.752" v="6" actId="13244"/>
          <ac:spMkLst>
            <pc:docMk/>
            <pc:sldMk cId="2589883871" sldId="273"/>
            <ac:spMk id="6" creationId="{C2E5B456-531F-DCA5-F39B-F3F9E25E9299}"/>
          </ac:spMkLst>
        </pc:spChg>
        <pc:spChg chg="add mod ord">
          <ac:chgData name="Nataly Echezuria" userId="016cf74e-e64d-40ef-b55b-1485ed1ed370" providerId="ADAL" clId="{B4F2FD93-4104-4FE8-BEC1-60379C13BA34}" dt="2023-10-16T11:35:14.452" v="8" actId="13244"/>
          <ac:spMkLst>
            <pc:docMk/>
            <pc:sldMk cId="2589883871" sldId="273"/>
            <ac:spMk id="7" creationId="{39F4B099-7BE9-3537-1AF9-C05254A9D87D}"/>
          </ac:spMkLst>
        </pc:spChg>
        <pc:spChg chg="add mod ord">
          <ac:chgData name="Nataly Echezuria" userId="016cf74e-e64d-40ef-b55b-1485ed1ed370" providerId="ADAL" clId="{B4F2FD93-4104-4FE8-BEC1-60379C13BA34}" dt="2023-10-16T11:35:28.413" v="10" actId="13244"/>
          <ac:spMkLst>
            <pc:docMk/>
            <pc:sldMk cId="2589883871" sldId="273"/>
            <ac:spMk id="8" creationId="{8CECFD17-5B4E-379D-166F-0E91B687F203}"/>
          </ac:spMkLst>
        </pc:spChg>
        <pc:spChg chg="add mod">
          <ac:chgData name="Nataly Echezuria" userId="016cf74e-e64d-40ef-b55b-1485ed1ed370" providerId="ADAL" clId="{B4F2FD93-4104-4FE8-BEC1-60379C13BA34}" dt="2023-10-16T11:35:40.764" v="11"/>
          <ac:spMkLst>
            <pc:docMk/>
            <pc:sldMk cId="2589883871" sldId="273"/>
            <ac:spMk id="9" creationId="{5CDC7C4F-3928-AE9F-E231-1A7CD13D8434}"/>
          </ac:spMkLst>
        </pc:spChg>
        <pc:picChg chg="add mod ord">
          <ac:chgData name="Nataly Echezuria" userId="016cf74e-e64d-40ef-b55b-1485ed1ed370" providerId="ADAL" clId="{B4F2FD93-4104-4FE8-BEC1-60379C13BA34}" dt="2023-10-16T11:34:43.655" v="2" actId="13244"/>
          <ac:picMkLst>
            <pc:docMk/>
            <pc:sldMk cId="2589883871" sldId="273"/>
            <ac:picMk id="2" creationId="{BBB3A0DD-9AA6-F665-E723-546433741E9C}"/>
          </ac:picMkLst>
        </pc:picChg>
        <pc:picChg chg="del">
          <ac:chgData name="Nataly Echezuria" userId="016cf74e-e64d-40ef-b55b-1485ed1ed370" providerId="ADAL" clId="{B4F2FD93-4104-4FE8-BEC1-60379C13BA34}" dt="2023-10-16T11:34:38.580" v="0" actId="478"/>
          <ac:picMkLst>
            <pc:docMk/>
            <pc:sldMk cId="2589883871" sldId="273"/>
            <ac:picMk id="3" creationId="{27DFC13A-DC59-BABE-3ED3-98B420AD214B}"/>
          </ac:picMkLst>
        </pc:picChg>
        <pc:picChg chg="add mod">
          <ac:chgData name="Nataly Echezuria" userId="016cf74e-e64d-40ef-b55b-1485ed1ed370" providerId="ADAL" clId="{B4F2FD93-4104-4FE8-BEC1-60379C13BA34}" dt="2023-10-16T11:34:49.256" v="3"/>
          <ac:picMkLst>
            <pc:docMk/>
            <pc:sldMk cId="2589883871" sldId="273"/>
            <ac:picMk id="4" creationId="{AAB807FD-A757-2885-7094-A0B9075FE2A7}"/>
          </ac:picMkLst>
        </pc:picChg>
        <pc:picChg chg="add mod">
          <ac:chgData name="Nataly Echezuria" userId="016cf74e-e64d-40ef-b55b-1485ed1ed370" providerId="ADAL" clId="{B4F2FD93-4104-4FE8-BEC1-60379C13BA34}" dt="2023-10-16T11:35:44.669" v="12"/>
          <ac:picMkLst>
            <pc:docMk/>
            <pc:sldMk cId="2589883871" sldId="273"/>
            <ac:picMk id="10" creationId="{C7E5A338-D1B5-C8C0-854B-1945AB7D7295}"/>
          </ac:picMkLst>
        </pc:picChg>
      </pc:sldChg>
    </pc:docChg>
  </pc:docChgLst>
  <pc:docChgLst>
    <pc:chgData name="Kristabela Garnace" userId="997c92d6-c8db-4a35-a0be-1d48cc4c28a8" providerId="ADAL" clId="{13FBB86D-CBB1-4FF3-AE95-3BB8C8736D68}"/>
    <pc:docChg chg="modSld">
      <pc:chgData name="Kristabela Garnace" userId="997c92d6-c8db-4a35-a0be-1d48cc4c28a8" providerId="ADAL" clId="{13FBB86D-CBB1-4FF3-AE95-3BB8C8736D68}" dt="2023-11-09T12:44:59.234" v="1" actId="13244"/>
      <pc:docMkLst>
        <pc:docMk/>
      </pc:docMkLst>
      <pc:sldChg chg="modSp mod">
        <pc:chgData name="Kristabela Garnace" userId="997c92d6-c8db-4a35-a0be-1d48cc4c28a8" providerId="ADAL" clId="{13FBB86D-CBB1-4FF3-AE95-3BB8C8736D68}" dt="2023-11-09T12:44:59.234" v="1" actId="13244"/>
        <pc:sldMkLst>
          <pc:docMk/>
          <pc:sldMk cId="1842853321" sldId="270"/>
        </pc:sldMkLst>
        <pc:picChg chg="ord">
          <ac:chgData name="Kristabela Garnace" userId="997c92d6-c8db-4a35-a0be-1d48cc4c28a8" providerId="ADAL" clId="{13FBB86D-CBB1-4FF3-AE95-3BB8C8736D68}" dt="2023-11-09T12:44:59.234" v="1" actId="13244"/>
          <ac:picMkLst>
            <pc:docMk/>
            <pc:sldMk cId="1842853321" sldId="270"/>
            <ac:picMk id="6" creationId="{E8DCC5DB-A901-36BA-23B9-F78295C84A00}"/>
          </ac:picMkLst>
        </pc:picChg>
      </pc:sldChg>
    </pc:docChg>
  </pc:docChgLst>
  <pc:docChgLst>
    <pc:chgData name="Francesca Pastorino" userId="40524a23-af0d-4d61-a12a-da25e3edc12f" providerId="ADAL" clId="{C674974D-4C62-4B98-AB94-9AF388D7E42D}"/>
    <pc:docChg chg="undo redo custSel addSld delSld modSld">
      <pc:chgData name="Francesca Pastorino" userId="40524a23-af0d-4d61-a12a-da25e3edc12f" providerId="ADAL" clId="{C674974D-4C62-4B98-AB94-9AF388D7E42D}" dt="2024-01-03T11:48:52.424" v="115" actId="2696"/>
      <pc:docMkLst>
        <pc:docMk/>
      </pc:docMkLst>
      <pc:sldChg chg="addSp delSp modSp del">
        <pc:chgData name="Francesca Pastorino" userId="40524a23-af0d-4d61-a12a-da25e3edc12f" providerId="ADAL" clId="{C674974D-4C62-4B98-AB94-9AF388D7E42D}" dt="2024-01-03T11:48:52.424" v="115" actId="2696"/>
        <pc:sldMkLst>
          <pc:docMk/>
          <pc:sldMk cId="1842853321" sldId="270"/>
        </pc:sldMkLst>
        <pc:spChg chg="mod">
          <ac:chgData name="Francesca Pastorino" userId="40524a23-af0d-4d61-a12a-da25e3edc12f" providerId="ADAL" clId="{C674974D-4C62-4B98-AB94-9AF388D7E42D}" dt="2024-01-03T11:43:15.771" v="1" actId="1076"/>
          <ac:spMkLst>
            <pc:docMk/>
            <pc:sldMk cId="1842853321" sldId="270"/>
            <ac:spMk id="11" creationId="{6100609D-04CF-1B28-2856-83B84D3B7C11}"/>
          </ac:spMkLst>
        </pc:spChg>
        <pc:picChg chg="add del mod">
          <ac:chgData name="Francesca Pastorino" userId="40524a23-af0d-4d61-a12a-da25e3edc12f" providerId="ADAL" clId="{C674974D-4C62-4B98-AB94-9AF388D7E42D}" dt="2024-01-03T11:43:18.044" v="3"/>
          <ac:picMkLst>
            <pc:docMk/>
            <pc:sldMk cId="1842853321" sldId="270"/>
            <ac:picMk id="1026" creationId="{586CA8D9-D547-E9B2-5775-E7B5A3DC65D7}"/>
          </ac:picMkLst>
        </pc:picChg>
        <pc:picChg chg="add del mod">
          <ac:chgData name="Francesca Pastorino" userId="40524a23-af0d-4d61-a12a-da25e3edc12f" providerId="ADAL" clId="{C674974D-4C62-4B98-AB94-9AF388D7E42D}" dt="2024-01-03T11:43:18.044" v="3"/>
          <ac:picMkLst>
            <pc:docMk/>
            <pc:sldMk cId="1842853321" sldId="270"/>
            <ac:picMk id="1027" creationId="{065D461D-C820-C380-A85E-19F3C8FFC821}"/>
          </ac:picMkLst>
        </pc:picChg>
      </pc:sldChg>
      <pc:sldChg chg="addSp delSp modSp mod">
        <pc:chgData name="Francesca Pastorino" userId="40524a23-af0d-4d61-a12a-da25e3edc12f" providerId="ADAL" clId="{C674974D-4C62-4B98-AB94-9AF388D7E42D}" dt="2024-01-03T11:48:36.602" v="113" actId="1076"/>
        <pc:sldMkLst>
          <pc:docMk/>
          <pc:sldMk cId="3035780936" sldId="271"/>
        </pc:sldMkLst>
        <pc:picChg chg="add del">
          <ac:chgData name="Francesca Pastorino" userId="40524a23-af0d-4d61-a12a-da25e3edc12f" providerId="ADAL" clId="{C674974D-4C62-4B98-AB94-9AF388D7E42D}" dt="2024-01-03T11:45:50.205" v="97" actId="478"/>
          <ac:picMkLst>
            <pc:docMk/>
            <pc:sldMk cId="3035780936" sldId="271"/>
            <ac:picMk id="4" creationId="{6EA1FD0E-BFAA-BFDD-E6AF-7CCBD03C1342}"/>
          </ac:picMkLst>
        </pc:picChg>
        <pc:picChg chg="add del mod">
          <ac:chgData name="Francesca Pastorino" userId="40524a23-af0d-4d61-a12a-da25e3edc12f" providerId="ADAL" clId="{C674974D-4C62-4B98-AB94-9AF388D7E42D}" dt="2024-01-03T11:48:30.667" v="110" actId="478"/>
          <ac:picMkLst>
            <pc:docMk/>
            <pc:sldMk cId="3035780936" sldId="271"/>
            <ac:picMk id="6" creationId="{05E610E1-5465-488B-AF39-B445A63D4B01}"/>
          </ac:picMkLst>
        </pc:picChg>
        <pc:picChg chg="add mod">
          <ac:chgData name="Francesca Pastorino" userId="40524a23-af0d-4d61-a12a-da25e3edc12f" providerId="ADAL" clId="{C674974D-4C62-4B98-AB94-9AF388D7E42D}" dt="2024-01-03T11:48:36.602" v="113" actId="1076"/>
          <ac:picMkLst>
            <pc:docMk/>
            <pc:sldMk cId="3035780936" sldId="271"/>
            <ac:picMk id="8" creationId="{7AFA15E1-F4BC-8D76-CF2E-01F2DB39CD00}"/>
          </ac:picMkLst>
        </pc:picChg>
      </pc:sldChg>
      <pc:sldChg chg="addSp delSp modSp mod">
        <pc:chgData name="Francesca Pastorino" userId="40524a23-af0d-4d61-a12a-da25e3edc12f" providerId="ADAL" clId="{C674974D-4C62-4B98-AB94-9AF388D7E42D}" dt="2024-01-03T11:45:09.357" v="94"/>
        <pc:sldMkLst>
          <pc:docMk/>
          <pc:sldMk cId="2589883871" sldId="273"/>
        </pc:sldMkLst>
        <pc:spChg chg="add mod">
          <ac:chgData name="Francesca Pastorino" userId="40524a23-af0d-4d61-a12a-da25e3edc12f" providerId="ADAL" clId="{C674974D-4C62-4B98-AB94-9AF388D7E42D}" dt="2024-01-03T11:45:09.357" v="94"/>
          <ac:spMkLst>
            <pc:docMk/>
            <pc:sldMk cId="2589883871" sldId="273"/>
            <ac:spMk id="5" creationId="{E624939A-3577-BF64-AB99-19D1B5AB1DB3}"/>
          </ac:spMkLst>
        </pc:spChg>
        <pc:spChg chg="del">
          <ac:chgData name="Francesca Pastorino" userId="40524a23-af0d-4d61-a12a-da25e3edc12f" providerId="ADAL" clId="{C674974D-4C62-4B98-AB94-9AF388D7E42D}" dt="2024-01-03T11:45:08.399" v="93" actId="478"/>
          <ac:spMkLst>
            <pc:docMk/>
            <pc:sldMk cId="2589883871" sldId="273"/>
            <ac:spMk id="11" creationId="{5F462A88-B8CF-42C3-BA3A-4DCEA5398896}"/>
          </ac:spMkLst>
        </pc:spChg>
        <pc:spChg chg="add mod">
          <ac:chgData name="Francesca Pastorino" userId="40524a23-af0d-4d61-a12a-da25e3edc12f" providerId="ADAL" clId="{C674974D-4C62-4B98-AB94-9AF388D7E42D}" dt="2024-01-03T11:45:09.357" v="94"/>
          <ac:spMkLst>
            <pc:docMk/>
            <pc:sldMk cId="2589883871" sldId="273"/>
            <ac:spMk id="15" creationId="{7D831934-75D1-FAF8-E22A-78EA4E28283E}"/>
          </ac:spMkLst>
        </pc:spChg>
        <pc:picChg chg="add mod">
          <ac:chgData name="Francesca Pastorino" userId="40524a23-af0d-4d61-a12a-da25e3edc12f" providerId="ADAL" clId="{C674974D-4C62-4B98-AB94-9AF388D7E42D}" dt="2024-01-03T11:45:09.357" v="94"/>
          <ac:picMkLst>
            <pc:docMk/>
            <pc:sldMk cId="2589883871" sldId="273"/>
            <ac:picMk id="10" creationId="{DEF4BA33-5818-58A6-7BF2-A6E6DF076995}"/>
          </ac:picMkLst>
        </pc:picChg>
        <pc:picChg chg="del">
          <ac:chgData name="Francesca Pastorino" userId="40524a23-af0d-4d61-a12a-da25e3edc12f" providerId="ADAL" clId="{C674974D-4C62-4B98-AB94-9AF388D7E42D}" dt="2024-01-03T11:45:07.068" v="92" actId="478"/>
          <ac:picMkLst>
            <pc:docMk/>
            <pc:sldMk cId="2589883871" sldId="273"/>
            <ac:picMk id="12" creationId="{1290AFFD-87EE-326F-287F-392F3FDE125E}"/>
          </ac:picMkLst>
        </pc:picChg>
        <pc:picChg chg="add mod">
          <ac:chgData name="Francesca Pastorino" userId="40524a23-af0d-4d61-a12a-da25e3edc12f" providerId="ADAL" clId="{C674974D-4C62-4B98-AB94-9AF388D7E42D}" dt="2024-01-03T11:45:09.357" v="94"/>
          <ac:picMkLst>
            <pc:docMk/>
            <pc:sldMk cId="2589883871" sldId="273"/>
            <ac:picMk id="14" creationId="{C12A3638-41B7-93AB-B566-3EFB44E3410C}"/>
          </ac:picMkLst>
        </pc:picChg>
      </pc:sldChg>
      <pc:sldChg chg="addSp delSp modSp mod">
        <pc:chgData name="Francesca Pastorino" userId="40524a23-af0d-4d61-a12a-da25e3edc12f" providerId="ADAL" clId="{C674974D-4C62-4B98-AB94-9AF388D7E42D}" dt="2024-01-03T11:45:03.060" v="91"/>
        <pc:sldMkLst>
          <pc:docMk/>
          <pc:sldMk cId="847787837" sldId="274"/>
        </pc:sldMkLst>
        <pc:spChg chg="del">
          <ac:chgData name="Francesca Pastorino" userId="40524a23-af0d-4d61-a12a-da25e3edc12f" providerId="ADAL" clId="{C674974D-4C62-4B98-AB94-9AF388D7E42D}" dt="2024-01-03T11:45:02.062" v="90" actId="478"/>
          <ac:spMkLst>
            <pc:docMk/>
            <pc:sldMk cId="847787837" sldId="274"/>
            <ac:spMk id="2" creationId="{D090CAFA-8D29-8952-401A-6DEDCA316B89}"/>
          </ac:spMkLst>
        </pc:spChg>
        <pc:spChg chg="add mod">
          <ac:chgData name="Francesca Pastorino" userId="40524a23-af0d-4d61-a12a-da25e3edc12f" providerId="ADAL" clId="{C674974D-4C62-4B98-AB94-9AF388D7E42D}" dt="2024-01-03T11:45:03.060" v="91"/>
          <ac:spMkLst>
            <pc:docMk/>
            <pc:sldMk cId="847787837" sldId="274"/>
            <ac:spMk id="11" creationId="{4F66ED5F-7C2F-AAFB-1148-863A7AE69355}"/>
          </ac:spMkLst>
        </pc:spChg>
        <pc:spChg chg="add mod">
          <ac:chgData name="Francesca Pastorino" userId="40524a23-af0d-4d61-a12a-da25e3edc12f" providerId="ADAL" clId="{C674974D-4C62-4B98-AB94-9AF388D7E42D}" dt="2024-01-03T11:45:03.060" v="91"/>
          <ac:spMkLst>
            <pc:docMk/>
            <pc:sldMk cId="847787837" sldId="274"/>
            <ac:spMk id="17" creationId="{C5AFDD76-EFF5-1314-6CF1-D4167F03C007}"/>
          </ac:spMkLst>
        </pc:spChg>
        <pc:picChg chg="del">
          <ac:chgData name="Francesca Pastorino" userId="40524a23-af0d-4d61-a12a-da25e3edc12f" providerId="ADAL" clId="{C674974D-4C62-4B98-AB94-9AF388D7E42D}" dt="2024-01-03T11:45:00.765" v="89" actId="478"/>
          <ac:picMkLst>
            <pc:docMk/>
            <pc:sldMk cId="847787837" sldId="274"/>
            <ac:picMk id="3" creationId="{6C55118C-48E4-117E-6379-C84AD74909F2}"/>
          </ac:picMkLst>
        </pc:picChg>
        <pc:picChg chg="add mod">
          <ac:chgData name="Francesca Pastorino" userId="40524a23-af0d-4d61-a12a-da25e3edc12f" providerId="ADAL" clId="{C674974D-4C62-4B98-AB94-9AF388D7E42D}" dt="2024-01-03T11:45:03.060" v="91"/>
          <ac:picMkLst>
            <pc:docMk/>
            <pc:sldMk cId="847787837" sldId="274"/>
            <ac:picMk id="15" creationId="{46222172-457D-03A0-FA23-17FD9E2D41EB}"/>
          </ac:picMkLst>
        </pc:picChg>
        <pc:picChg chg="add mod">
          <ac:chgData name="Francesca Pastorino" userId="40524a23-af0d-4d61-a12a-da25e3edc12f" providerId="ADAL" clId="{C674974D-4C62-4B98-AB94-9AF388D7E42D}" dt="2024-01-03T11:45:03.060" v="91"/>
          <ac:picMkLst>
            <pc:docMk/>
            <pc:sldMk cId="847787837" sldId="274"/>
            <ac:picMk id="16" creationId="{4AB28984-98D2-3CEB-3D28-CF1A41D54DA7}"/>
          </ac:picMkLst>
        </pc:picChg>
      </pc:sldChg>
      <pc:sldChg chg="addSp delSp modSp add mod">
        <pc:chgData name="Francesca Pastorino" userId="40524a23-af0d-4d61-a12a-da25e3edc12f" providerId="ADAL" clId="{C674974D-4C62-4B98-AB94-9AF388D7E42D}" dt="2024-01-03T11:44:39.987" v="88" actId="1076"/>
        <pc:sldMkLst>
          <pc:docMk/>
          <pc:sldMk cId="374593191" sldId="275"/>
        </pc:sldMkLst>
        <pc:spChg chg="add mod">
          <ac:chgData name="Francesca Pastorino" userId="40524a23-af0d-4d61-a12a-da25e3edc12f" providerId="ADAL" clId="{C674974D-4C62-4B98-AB94-9AF388D7E42D}" dt="2024-01-03T11:44:39.987" v="88" actId="1076"/>
          <ac:spMkLst>
            <pc:docMk/>
            <pc:sldMk cId="374593191" sldId="275"/>
            <ac:spMk id="3" creationId="{1F5A00B9-81A7-9B05-CA1D-6F1B006788DA}"/>
          </ac:spMkLst>
        </pc:spChg>
        <pc:spChg chg="mod">
          <ac:chgData name="Francesca Pastorino" userId="40524a23-af0d-4d61-a12a-da25e3edc12f" providerId="ADAL" clId="{C674974D-4C62-4B98-AB94-9AF388D7E42D}" dt="2024-01-03T11:44:03.571" v="21" actId="1076"/>
          <ac:spMkLst>
            <pc:docMk/>
            <pc:sldMk cId="374593191" sldId="275"/>
            <ac:spMk id="18" creationId="{458F7D6E-8846-A630-F0B1-EDE702ABDDDB}"/>
          </ac:spMkLst>
        </pc:spChg>
        <pc:picChg chg="del mod">
          <ac:chgData name="Francesca Pastorino" userId="40524a23-af0d-4d61-a12a-da25e3edc12f" providerId="ADAL" clId="{C674974D-4C62-4B98-AB94-9AF388D7E42D}" dt="2024-01-03T11:43:41.039" v="9" actId="478"/>
          <ac:picMkLst>
            <pc:docMk/>
            <pc:sldMk cId="374593191" sldId="275"/>
            <ac:picMk id="19" creationId="{95D330E6-9B0D-EC89-4DA3-A91ECED8A80C}"/>
          </ac:picMkLst>
        </pc:picChg>
        <pc:picChg chg="add mod">
          <ac:chgData name="Francesca Pastorino" userId="40524a23-af0d-4d61-a12a-da25e3edc12f" providerId="ADAL" clId="{C674974D-4C62-4B98-AB94-9AF388D7E42D}" dt="2024-01-03T11:43:58.524" v="20" actId="1076"/>
          <ac:picMkLst>
            <pc:docMk/>
            <pc:sldMk cId="374593191" sldId="275"/>
            <ac:picMk id="2050" creationId="{650A1099-C060-6D63-4B12-48E95FC5CF75}"/>
          </ac:picMkLst>
        </pc:picChg>
        <pc:picChg chg="add mod">
          <ac:chgData name="Francesca Pastorino" userId="40524a23-af0d-4d61-a12a-da25e3edc12f" providerId="ADAL" clId="{C674974D-4C62-4B98-AB94-9AF388D7E42D}" dt="2024-01-03T11:44:07.674" v="25" actId="1036"/>
          <ac:picMkLst>
            <pc:docMk/>
            <pc:sldMk cId="374593191" sldId="275"/>
            <ac:picMk id="2051" creationId="{3CAE5A77-1286-AA47-D19B-108D86919EF3}"/>
          </ac:picMkLst>
        </pc:picChg>
      </pc:sldChg>
      <pc:sldChg chg="addSp delSp modSp add del mod">
        <pc:chgData name="Francesca Pastorino" userId="40524a23-af0d-4d61-a12a-da25e3edc12f" providerId="ADAL" clId="{C674974D-4C62-4B98-AB94-9AF388D7E42D}" dt="2024-01-03T11:48:39.128" v="114" actId="47"/>
        <pc:sldMkLst>
          <pc:docMk/>
          <pc:sldMk cId="266583259" sldId="276"/>
        </pc:sldMkLst>
        <pc:spChg chg="add mod">
          <ac:chgData name="Francesca Pastorino" userId="40524a23-af0d-4d61-a12a-da25e3edc12f" providerId="ADAL" clId="{C674974D-4C62-4B98-AB94-9AF388D7E42D}" dt="2024-01-03T11:48:09.082" v="109" actId="692"/>
          <ac:spMkLst>
            <pc:docMk/>
            <pc:sldMk cId="266583259" sldId="276"/>
            <ac:spMk id="2" creationId="{4FE7FB00-C635-4405-852D-135635EDD379}"/>
          </ac:spMkLst>
        </pc:spChg>
        <pc:spChg chg="del">
          <ac:chgData name="Francesca Pastorino" userId="40524a23-af0d-4d61-a12a-da25e3edc12f" providerId="ADAL" clId="{C674974D-4C62-4B98-AB94-9AF388D7E42D}" dt="2024-01-03T11:47:23.725" v="102" actId="478"/>
          <ac:spMkLst>
            <pc:docMk/>
            <pc:sldMk cId="266583259" sldId="276"/>
            <ac:spMk id="18" creationId="{B1601A08-41E0-6E3A-8352-1CDE1E167D9A}"/>
          </ac:spMkLst>
        </pc:spChg>
      </pc:sldChg>
    </pc:docChg>
  </pc:docChgLst>
  <pc:docChgLst>
    <pc:chgData name="Nataly Echezuria" userId="016cf74e-e64d-40ef-b55b-1485ed1ed370" providerId="ADAL" clId="{E5D12916-47AB-4835-8339-B62003A5C3A0}"/>
    <pc:docChg chg="undo custSel delSld modSld">
      <pc:chgData name="Nataly Echezuria" userId="016cf74e-e64d-40ef-b55b-1485ed1ed370" providerId="ADAL" clId="{E5D12916-47AB-4835-8339-B62003A5C3A0}" dt="2023-12-21T14:51:40.155" v="220" actId="478"/>
      <pc:docMkLst>
        <pc:docMk/>
      </pc:docMkLst>
      <pc:sldChg chg="addSp delSp modSp del mod">
        <pc:chgData name="Nataly Echezuria" userId="016cf74e-e64d-40ef-b55b-1485ed1ed370" providerId="ADAL" clId="{E5D12916-47AB-4835-8339-B62003A5C3A0}" dt="2023-12-21T14:44:40.931" v="108" actId="47"/>
        <pc:sldMkLst>
          <pc:docMk/>
          <pc:sldMk cId="4276101519" sldId="268"/>
        </pc:sldMkLst>
        <pc:spChg chg="mod">
          <ac:chgData name="Nataly Echezuria" userId="016cf74e-e64d-40ef-b55b-1485ed1ed370" providerId="ADAL" clId="{E5D12916-47AB-4835-8339-B62003A5C3A0}" dt="2023-12-21T14:44:04.838" v="101"/>
          <ac:spMkLst>
            <pc:docMk/>
            <pc:sldMk cId="4276101519" sldId="268"/>
            <ac:spMk id="8" creationId="{4196606E-169E-6690-0E1C-F34ECE029392}"/>
          </ac:spMkLst>
        </pc:spChg>
        <pc:spChg chg="mod">
          <ac:chgData name="Nataly Echezuria" userId="016cf74e-e64d-40ef-b55b-1485ed1ed370" providerId="ADAL" clId="{E5D12916-47AB-4835-8339-B62003A5C3A0}" dt="2023-12-21T14:44:05.302" v="102"/>
          <ac:spMkLst>
            <pc:docMk/>
            <pc:sldMk cId="4276101519" sldId="268"/>
            <ac:spMk id="9" creationId="{E28A85AC-7368-3C1B-B463-7638EA9FE35A}"/>
          </ac:spMkLst>
        </pc:spChg>
        <pc:spChg chg="add del mod">
          <ac:chgData name="Nataly Echezuria" userId="016cf74e-e64d-40ef-b55b-1485ed1ed370" providerId="ADAL" clId="{E5D12916-47AB-4835-8339-B62003A5C3A0}" dt="2023-12-21T14:44:21.044" v="107" actId="478"/>
          <ac:spMkLst>
            <pc:docMk/>
            <pc:sldMk cId="4276101519" sldId="268"/>
            <ac:spMk id="10" creationId="{26D56151-12C9-2F75-B0A2-C2AC91AFB154}"/>
          </ac:spMkLst>
        </pc:spChg>
        <pc:grpChg chg="add del">
          <ac:chgData name="Nataly Echezuria" userId="016cf74e-e64d-40ef-b55b-1485ed1ed370" providerId="ADAL" clId="{E5D12916-47AB-4835-8339-B62003A5C3A0}" dt="2023-12-21T14:44:13.544" v="105" actId="478"/>
          <ac:grpSpMkLst>
            <pc:docMk/>
            <pc:sldMk cId="4276101519" sldId="268"/>
            <ac:grpSpMk id="17" creationId="{3C653A80-DF70-0C81-FB70-D9C2C688FB55}"/>
          </ac:grpSpMkLst>
        </pc:grpChg>
        <pc:picChg chg="mod">
          <ac:chgData name="Nataly Echezuria" userId="016cf74e-e64d-40ef-b55b-1485ed1ed370" providerId="ADAL" clId="{E5D12916-47AB-4835-8339-B62003A5C3A0}" dt="2023-12-21T14:44:04.374" v="100"/>
          <ac:picMkLst>
            <pc:docMk/>
            <pc:sldMk cId="4276101519" sldId="268"/>
            <ac:picMk id="6" creationId="{FC76647C-B0EC-814A-FAF9-D4C3FC17E70C}"/>
          </ac:picMkLst>
        </pc:picChg>
      </pc:sldChg>
      <pc:sldChg chg="addSp delSp modSp mod">
        <pc:chgData name="Nataly Echezuria" userId="016cf74e-e64d-40ef-b55b-1485ed1ed370" providerId="ADAL" clId="{E5D12916-47AB-4835-8339-B62003A5C3A0}" dt="2023-12-21T14:43:45.189" v="99" actId="1035"/>
        <pc:sldMkLst>
          <pc:docMk/>
          <pc:sldMk cId="1842853321" sldId="270"/>
        </pc:sldMkLst>
        <pc:spChg chg="add del mod">
          <ac:chgData name="Nataly Echezuria" userId="016cf74e-e64d-40ef-b55b-1485ed1ed370" providerId="ADAL" clId="{E5D12916-47AB-4835-8339-B62003A5C3A0}" dt="2023-12-21T14:40:16.131" v="23" actId="478"/>
          <ac:spMkLst>
            <pc:docMk/>
            <pc:sldMk cId="1842853321" sldId="270"/>
            <ac:spMk id="3" creationId="{63A480CA-946E-EB46-872F-9B84C468BB56}"/>
          </ac:spMkLst>
        </pc:spChg>
        <pc:spChg chg="add del mod">
          <ac:chgData name="Nataly Echezuria" userId="016cf74e-e64d-40ef-b55b-1485ed1ed370" providerId="ADAL" clId="{E5D12916-47AB-4835-8339-B62003A5C3A0}" dt="2023-12-21T14:40:18.199" v="24" actId="478"/>
          <ac:spMkLst>
            <pc:docMk/>
            <pc:sldMk cId="1842853321" sldId="270"/>
            <ac:spMk id="4" creationId="{3A3A784A-125F-8108-E508-DC9544844342}"/>
          </ac:spMkLst>
        </pc:spChg>
        <pc:spChg chg="add del mod">
          <ac:chgData name="Nataly Echezuria" userId="016cf74e-e64d-40ef-b55b-1485ed1ed370" providerId="ADAL" clId="{E5D12916-47AB-4835-8339-B62003A5C3A0}" dt="2023-12-21T14:38:21.274" v="4"/>
          <ac:spMkLst>
            <pc:docMk/>
            <pc:sldMk cId="1842853321" sldId="270"/>
            <ac:spMk id="5" creationId="{16011743-B81B-3F31-37AB-26717C367531}"/>
          </ac:spMkLst>
        </pc:spChg>
        <pc:spChg chg="mod">
          <ac:chgData name="Nataly Echezuria" userId="016cf74e-e64d-40ef-b55b-1485ed1ed370" providerId="ADAL" clId="{E5D12916-47AB-4835-8339-B62003A5C3A0}" dt="2023-12-21T14:39:52.485" v="18"/>
          <ac:spMkLst>
            <pc:docMk/>
            <pc:sldMk cId="1842853321" sldId="270"/>
            <ac:spMk id="8" creationId="{183B3A07-24CC-C1F5-2CE0-970547FA5B6F}"/>
          </ac:spMkLst>
        </pc:spChg>
        <pc:spChg chg="mod">
          <ac:chgData name="Nataly Echezuria" userId="016cf74e-e64d-40ef-b55b-1485ed1ed370" providerId="ADAL" clId="{E5D12916-47AB-4835-8339-B62003A5C3A0}" dt="2023-12-21T14:39:52.941" v="19"/>
          <ac:spMkLst>
            <pc:docMk/>
            <pc:sldMk cId="1842853321" sldId="270"/>
            <ac:spMk id="10" creationId="{1AD3E06A-283C-F4B1-4B61-284D1AD63208}"/>
          </ac:spMkLst>
        </pc:spChg>
        <pc:spChg chg="mod">
          <ac:chgData name="Nataly Echezuria" userId="016cf74e-e64d-40ef-b55b-1485ed1ed370" providerId="ADAL" clId="{E5D12916-47AB-4835-8339-B62003A5C3A0}" dt="2023-12-21T14:39:53.625" v="20"/>
          <ac:spMkLst>
            <pc:docMk/>
            <pc:sldMk cId="1842853321" sldId="270"/>
            <ac:spMk id="11" creationId="{6100609D-04CF-1B28-2856-83B84D3B7C11}"/>
          </ac:spMkLst>
        </pc:spChg>
        <pc:spChg chg="add del mod">
          <ac:chgData name="Nataly Echezuria" userId="016cf74e-e64d-40ef-b55b-1485ed1ed370" providerId="ADAL" clId="{E5D12916-47AB-4835-8339-B62003A5C3A0}" dt="2023-12-21T14:38:21.274" v="4"/>
          <ac:spMkLst>
            <pc:docMk/>
            <pc:sldMk cId="1842853321" sldId="270"/>
            <ac:spMk id="14" creationId="{4C21D352-E0C7-31DF-3A11-6E985C6B14F5}"/>
          </ac:spMkLst>
        </pc:spChg>
        <pc:spChg chg="add mod">
          <ac:chgData name="Nataly Echezuria" userId="016cf74e-e64d-40ef-b55b-1485ed1ed370" providerId="ADAL" clId="{E5D12916-47AB-4835-8339-B62003A5C3A0}" dt="2023-12-21T14:43:23.280" v="75" actId="12789"/>
          <ac:spMkLst>
            <pc:docMk/>
            <pc:sldMk cId="1842853321" sldId="270"/>
            <ac:spMk id="16" creationId="{59F59A3D-CED1-4ADF-2CF9-425CD009A47F}"/>
          </ac:spMkLst>
        </pc:spChg>
        <pc:spChg chg="add mod">
          <ac:chgData name="Nataly Echezuria" userId="016cf74e-e64d-40ef-b55b-1485ed1ed370" providerId="ADAL" clId="{E5D12916-47AB-4835-8339-B62003A5C3A0}" dt="2023-12-21T14:43:45.189" v="99" actId="1035"/>
          <ac:spMkLst>
            <pc:docMk/>
            <pc:sldMk cId="1842853321" sldId="270"/>
            <ac:spMk id="18" creationId="{458F7D6E-8846-A630-F0B1-EDE702ABDDDB}"/>
          </ac:spMkLst>
        </pc:spChg>
        <pc:spChg chg="add mod">
          <ac:chgData name="Nataly Echezuria" userId="016cf74e-e64d-40ef-b55b-1485ed1ed370" providerId="ADAL" clId="{E5D12916-47AB-4835-8339-B62003A5C3A0}" dt="2023-12-21T14:43:07.945" v="72" actId="14430"/>
          <ac:spMkLst>
            <pc:docMk/>
            <pc:sldMk cId="1842853321" sldId="270"/>
            <ac:spMk id="21" creationId="{AD247AD8-5626-FADC-A2F3-88265A78BC05}"/>
          </ac:spMkLst>
        </pc:spChg>
        <pc:spChg chg="add del mod">
          <ac:chgData name="Nataly Echezuria" userId="016cf74e-e64d-40ef-b55b-1485ed1ed370" providerId="ADAL" clId="{E5D12916-47AB-4835-8339-B62003A5C3A0}" dt="2023-12-21T14:39:38.748" v="12" actId="478"/>
          <ac:spMkLst>
            <pc:docMk/>
            <pc:sldMk cId="1842853321" sldId="270"/>
            <ac:spMk id="23" creationId="{BB7A89DA-EBE3-C385-D4D8-5F0939D84130}"/>
          </ac:spMkLst>
        </pc:spChg>
        <pc:spChg chg="add del mod">
          <ac:chgData name="Nataly Echezuria" userId="016cf74e-e64d-40ef-b55b-1485ed1ed370" providerId="ADAL" clId="{E5D12916-47AB-4835-8339-B62003A5C3A0}" dt="2023-12-21T14:39:44.776" v="14" actId="478"/>
          <ac:spMkLst>
            <pc:docMk/>
            <pc:sldMk cId="1842853321" sldId="270"/>
            <ac:spMk id="25" creationId="{591BD191-C4D2-9040-14A0-379740103B18}"/>
          </ac:spMkLst>
        </pc:spChg>
        <pc:spChg chg="add del mod">
          <ac:chgData name="Nataly Echezuria" userId="016cf74e-e64d-40ef-b55b-1485ed1ed370" providerId="ADAL" clId="{E5D12916-47AB-4835-8339-B62003A5C3A0}" dt="2023-12-21T14:40:28.614" v="26" actId="478"/>
          <ac:spMkLst>
            <pc:docMk/>
            <pc:sldMk cId="1842853321" sldId="270"/>
            <ac:spMk id="27" creationId="{698B1C07-33ED-3694-3DBA-DCD239B3281D}"/>
          </ac:spMkLst>
        </pc:spChg>
        <pc:spChg chg="add del mod">
          <ac:chgData name="Nataly Echezuria" userId="016cf74e-e64d-40ef-b55b-1485ed1ed370" providerId="ADAL" clId="{E5D12916-47AB-4835-8339-B62003A5C3A0}" dt="2023-12-21T14:40:39.335" v="29" actId="478"/>
          <ac:spMkLst>
            <pc:docMk/>
            <pc:sldMk cId="1842853321" sldId="270"/>
            <ac:spMk id="29" creationId="{EB7D7541-7F2F-12EC-C9A7-16E52BFA5207}"/>
          </ac:spMkLst>
        </pc:spChg>
        <pc:picChg chg="mod modVis">
          <ac:chgData name="Nataly Echezuria" userId="016cf74e-e64d-40ef-b55b-1485ed1ed370" providerId="ADAL" clId="{E5D12916-47AB-4835-8339-B62003A5C3A0}" dt="2023-12-21T14:39:51.801" v="17"/>
          <ac:picMkLst>
            <pc:docMk/>
            <pc:sldMk cId="1842853321" sldId="270"/>
            <ac:picMk id="6" creationId="{E8DCC5DB-A901-36BA-23B9-F78295C84A00}"/>
          </ac:picMkLst>
        </pc:picChg>
        <pc:picChg chg="add del mod">
          <ac:chgData name="Nataly Echezuria" userId="016cf74e-e64d-40ef-b55b-1485ed1ed370" providerId="ADAL" clId="{E5D12916-47AB-4835-8339-B62003A5C3A0}" dt="2023-12-21T14:38:21.274" v="4"/>
          <ac:picMkLst>
            <pc:docMk/>
            <pc:sldMk cId="1842853321" sldId="270"/>
            <ac:picMk id="7" creationId="{2F3B0504-FBE2-83CE-CB71-BA650FCFAED1}"/>
          </ac:picMkLst>
        </pc:picChg>
        <pc:picChg chg="add del mod">
          <ac:chgData name="Nataly Echezuria" userId="016cf74e-e64d-40ef-b55b-1485ed1ed370" providerId="ADAL" clId="{E5D12916-47AB-4835-8339-B62003A5C3A0}" dt="2023-12-21T14:38:21.274" v="4"/>
          <ac:picMkLst>
            <pc:docMk/>
            <pc:sldMk cId="1842853321" sldId="270"/>
            <ac:picMk id="9" creationId="{5FB360E8-8690-0782-158D-DB425058E3D4}"/>
          </ac:picMkLst>
        </pc:picChg>
        <pc:picChg chg="del">
          <ac:chgData name="Nataly Echezuria" userId="016cf74e-e64d-40ef-b55b-1485ed1ed370" providerId="ADAL" clId="{E5D12916-47AB-4835-8339-B62003A5C3A0}" dt="2023-12-21T14:40:00.802" v="21" actId="478"/>
          <ac:picMkLst>
            <pc:docMk/>
            <pc:sldMk cId="1842853321" sldId="270"/>
            <ac:picMk id="12" creationId="{5083A14F-CA23-34DA-9369-E5553DABAF4B}"/>
          </ac:picMkLst>
        </pc:picChg>
        <pc:picChg chg="add mod">
          <ac:chgData name="Nataly Echezuria" userId="016cf74e-e64d-40ef-b55b-1485ed1ed370" providerId="ADAL" clId="{E5D12916-47AB-4835-8339-B62003A5C3A0}" dt="2023-12-21T14:43:28.966" v="76" actId="12788"/>
          <ac:picMkLst>
            <pc:docMk/>
            <pc:sldMk cId="1842853321" sldId="270"/>
            <ac:picMk id="19" creationId="{95D330E6-9B0D-EC89-4DA3-A91ECED8A80C}"/>
          </ac:picMkLst>
        </pc:picChg>
        <pc:picChg chg="add del mod">
          <ac:chgData name="Nataly Echezuria" userId="016cf74e-e64d-40ef-b55b-1485ed1ed370" providerId="ADAL" clId="{E5D12916-47AB-4835-8339-B62003A5C3A0}" dt="2023-12-21T14:40:34.769" v="28" actId="478"/>
          <ac:picMkLst>
            <pc:docMk/>
            <pc:sldMk cId="1842853321" sldId="270"/>
            <ac:picMk id="20" creationId="{4C769CCE-0A56-72EE-C351-425BA1802126}"/>
          </ac:picMkLst>
        </pc:picChg>
        <pc:picChg chg="add del">
          <ac:chgData name="Nataly Echezuria" userId="016cf74e-e64d-40ef-b55b-1485ed1ed370" providerId="ADAL" clId="{E5D12916-47AB-4835-8339-B62003A5C3A0}" dt="2023-12-21T14:40:11.903" v="22" actId="478"/>
          <ac:picMkLst>
            <pc:docMk/>
            <pc:sldMk cId="1842853321" sldId="270"/>
            <ac:picMk id="1029" creationId="{6E0266F1-D9B2-77ED-B8C1-B0682248AB7D}"/>
          </ac:picMkLst>
        </pc:picChg>
        <pc:picChg chg="add del mod">
          <ac:chgData name="Nataly Echezuria" userId="016cf74e-e64d-40ef-b55b-1485ed1ed370" providerId="ADAL" clId="{E5D12916-47AB-4835-8339-B62003A5C3A0}" dt="2023-12-21T14:43:08.661" v="73" actId="14430"/>
          <ac:picMkLst>
            <pc:docMk/>
            <pc:sldMk cId="1842853321" sldId="270"/>
            <ac:picMk id="1030" creationId="{997B0F9D-5D35-C069-3E23-A2C625ADEADE}"/>
          </ac:picMkLst>
        </pc:picChg>
      </pc:sldChg>
      <pc:sldChg chg="addSp delSp modSp mod">
        <pc:chgData name="Nataly Echezuria" userId="016cf74e-e64d-40ef-b55b-1485ed1ed370" providerId="ADAL" clId="{E5D12916-47AB-4835-8339-B62003A5C3A0}" dt="2023-12-21T14:51:32.745" v="218" actId="12788"/>
        <pc:sldMkLst>
          <pc:docMk/>
          <pc:sldMk cId="3035780936" sldId="271"/>
        </pc:sldMkLst>
        <pc:grpChg chg="del">
          <ac:chgData name="Nataly Echezuria" userId="016cf74e-e64d-40ef-b55b-1485ed1ed370" providerId="ADAL" clId="{E5D12916-47AB-4835-8339-B62003A5C3A0}" dt="2023-12-21T14:51:11.569" v="212" actId="478"/>
          <ac:grpSpMkLst>
            <pc:docMk/>
            <pc:sldMk cId="3035780936" sldId="271"/>
            <ac:grpSpMk id="9" creationId="{B14A0119-21CC-B57F-80A2-0983A52F2590}"/>
          </ac:grpSpMkLst>
        </pc:grpChg>
        <pc:picChg chg="add mod">
          <ac:chgData name="Nataly Echezuria" userId="016cf74e-e64d-40ef-b55b-1485ed1ed370" providerId="ADAL" clId="{E5D12916-47AB-4835-8339-B62003A5C3A0}" dt="2023-12-21T14:51:32.745" v="218" actId="12788"/>
          <ac:picMkLst>
            <pc:docMk/>
            <pc:sldMk cId="3035780936" sldId="271"/>
            <ac:picMk id="4" creationId="{6EA1FD0E-BFAA-BFDD-E6AF-7CCBD03C1342}"/>
          </ac:picMkLst>
        </pc:picChg>
        <pc:picChg chg="del">
          <ac:chgData name="Nataly Echezuria" userId="016cf74e-e64d-40ef-b55b-1485ed1ed370" providerId="ADAL" clId="{E5D12916-47AB-4835-8339-B62003A5C3A0}" dt="2023-12-21T14:51:07.068" v="209" actId="478"/>
          <ac:picMkLst>
            <pc:docMk/>
            <pc:sldMk cId="3035780936" sldId="271"/>
            <ac:picMk id="8" creationId="{DFB05731-862E-3FB5-D50A-A5A256654212}"/>
          </ac:picMkLst>
        </pc:picChg>
      </pc:sldChg>
      <pc:sldChg chg="addSp delSp modSp mod">
        <pc:chgData name="Nataly Echezuria" userId="016cf74e-e64d-40ef-b55b-1485ed1ed370" providerId="ADAL" clId="{E5D12916-47AB-4835-8339-B62003A5C3A0}" dt="2023-12-21T14:48:40.528" v="194"/>
        <pc:sldMkLst>
          <pc:docMk/>
          <pc:sldMk cId="2589883871" sldId="273"/>
        </pc:sldMkLst>
        <pc:spChg chg="add mod">
          <ac:chgData name="Nataly Echezuria" userId="016cf74e-e64d-40ef-b55b-1485ed1ed370" providerId="ADAL" clId="{E5D12916-47AB-4835-8339-B62003A5C3A0}" dt="2023-12-21T14:48:17.762" v="192" actId="1038"/>
          <ac:spMkLst>
            <pc:docMk/>
            <pc:sldMk cId="2589883871" sldId="273"/>
            <ac:spMk id="3" creationId="{25D7D66E-6B7F-1D6C-167F-2A5F0E1FA169}"/>
          </ac:spMkLst>
        </pc:spChg>
        <pc:spChg chg="del">
          <ac:chgData name="Nataly Echezuria" userId="016cf74e-e64d-40ef-b55b-1485ed1ed370" providerId="ADAL" clId="{E5D12916-47AB-4835-8339-B62003A5C3A0}" dt="2023-12-21T14:47:29.845" v="165" actId="478"/>
          <ac:spMkLst>
            <pc:docMk/>
            <pc:sldMk cId="2589883871" sldId="273"/>
            <ac:spMk id="5" creationId="{B29324CA-CD10-621C-5673-0710D6C3A570}"/>
          </ac:spMkLst>
        </pc:spChg>
        <pc:spChg chg="add del">
          <ac:chgData name="Nataly Echezuria" userId="016cf74e-e64d-40ef-b55b-1485ed1ed370" providerId="ADAL" clId="{E5D12916-47AB-4835-8339-B62003A5C3A0}" dt="2023-12-21T14:47:11.157" v="163" actId="478"/>
          <ac:spMkLst>
            <pc:docMk/>
            <pc:sldMk cId="2589883871" sldId="273"/>
            <ac:spMk id="8" creationId="{8CECFD17-5B4E-379D-166F-0E91B687F203}"/>
          </ac:spMkLst>
        </pc:spChg>
        <pc:spChg chg="mod">
          <ac:chgData name="Nataly Echezuria" userId="016cf74e-e64d-40ef-b55b-1485ed1ed370" providerId="ADAL" clId="{E5D12916-47AB-4835-8339-B62003A5C3A0}" dt="2023-12-21T14:48:17.762" v="192" actId="1038"/>
          <ac:spMkLst>
            <pc:docMk/>
            <pc:sldMk cId="2589883871" sldId="273"/>
            <ac:spMk id="9" creationId="{5CDC7C4F-3928-AE9F-E231-1A7CD13D8434}"/>
          </ac:spMkLst>
        </pc:spChg>
        <pc:spChg chg="add mod">
          <ac:chgData name="Nataly Echezuria" userId="016cf74e-e64d-40ef-b55b-1485ed1ed370" providerId="ADAL" clId="{E5D12916-47AB-4835-8339-B62003A5C3A0}" dt="2023-12-21T14:48:40.528" v="194"/>
          <ac:spMkLst>
            <pc:docMk/>
            <pc:sldMk cId="2589883871" sldId="273"/>
            <ac:spMk id="11" creationId="{5F462A88-B8CF-42C3-BA3A-4DCEA5398896}"/>
          </ac:spMkLst>
        </pc:spChg>
        <pc:spChg chg="add mod">
          <ac:chgData name="Nataly Echezuria" userId="016cf74e-e64d-40ef-b55b-1485ed1ed370" providerId="ADAL" clId="{E5D12916-47AB-4835-8339-B62003A5C3A0}" dt="2023-12-21T14:48:40.528" v="194"/>
          <ac:spMkLst>
            <pc:docMk/>
            <pc:sldMk cId="2589883871" sldId="273"/>
            <ac:spMk id="13" creationId="{7DC0FE9E-0A94-234D-3CCB-06DE63F64416}"/>
          </ac:spMkLst>
        </pc:spChg>
        <pc:spChg chg="mod">
          <ac:chgData name="Nataly Echezuria" userId="016cf74e-e64d-40ef-b55b-1485ed1ed370" providerId="ADAL" clId="{E5D12916-47AB-4835-8339-B62003A5C3A0}" dt="2023-12-21T14:48:30.718" v="193" actId="465"/>
          <ac:spMkLst>
            <pc:docMk/>
            <pc:sldMk cId="2589883871" sldId="273"/>
            <ac:spMk id="20" creationId="{3AEA561C-FDFF-CCBC-88F5-F891CB5B4C91}"/>
          </ac:spMkLst>
        </pc:spChg>
        <pc:picChg chg="del">
          <ac:chgData name="Nataly Echezuria" userId="016cf74e-e64d-40ef-b55b-1485ed1ed370" providerId="ADAL" clId="{E5D12916-47AB-4835-8339-B62003A5C3A0}" dt="2023-12-21T14:47:20.181" v="164" actId="478"/>
          <ac:picMkLst>
            <pc:docMk/>
            <pc:sldMk cId="2589883871" sldId="273"/>
            <ac:picMk id="10" creationId="{C7E5A338-D1B5-C8C0-854B-1945AB7D7295}"/>
          </ac:picMkLst>
        </pc:picChg>
        <pc:picChg chg="add mod">
          <ac:chgData name="Nataly Echezuria" userId="016cf74e-e64d-40ef-b55b-1485ed1ed370" providerId="ADAL" clId="{E5D12916-47AB-4835-8339-B62003A5C3A0}" dt="2023-12-21T14:48:40.528" v="194"/>
          <ac:picMkLst>
            <pc:docMk/>
            <pc:sldMk cId="2589883871" sldId="273"/>
            <ac:picMk id="12" creationId="{1290AFFD-87EE-326F-287F-392F3FDE125E}"/>
          </ac:picMkLst>
        </pc:picChg>
      </pc:sldChg>
      <pc:sldChg chg="addSp delSp modSp mod">
        <pc:chgData name="Nataly Echezuria" userId="016cf74e-e64d-40ef-b55b-1485ed1ed370" providerId="ADAL" clId="{E5D12916-47AB-4835-8339-B62003A5C3A0}" dt="2023-12-21T14:51:40.155" v="220" actId="478"/>
        <pc:sldMkLst>
          <pc:docMk/>
          <pc:sldMk cId="847787837" sldId="274"/>
        </pc:sldMkLst>
        <pc:spChg chg="add mod">
          <ac:chgData name="Nataly Echezuria" userId="016cf74e-e64d-40ef-b55b-1485ed1ed370" providerId="ADAL" clId="{E5D12916-47AB-4835-8339-B62003A5C3A0}" dt="2023-12-21T14:45:46.160" v="143" actId="1036"/>
          <ac:spMkLst>
            <pc:docMk/>
            <pc:sldMk cId="847787837" sldId="274"/>
            <ac:spMk id="2" creationId="{D090CAFA-8D29-8952-401A-6DEDCA316B89}"/>
          </ac:spMkLst>
        </pc:spChg>
        <pc:spChg chg="add mod">
          <ac:chgData name="Nataly Echezuria" userId="016cf74e-e64d-40ef-b55b-1485ed1ed370" providerId="ADAL" clId="{E5D12916-47AB-4835-8339-B62003A5C3A0}" dt="2023-12-21T14:45:27.520" v="120" actId="12789"/>
          <ac:spMkLst>
            <pc:docMk/>
            <pc:sldMk cId="847787837" sldId="274"/>
            <ac:spMk id="4" creationId="{79581622-2AD9-2E7E-0201-ABEF801CDD60}"/>
          </ac:spMkLst>
        </pc:spChg>
        <pc:spChg chg="mod">
          <ac:chgData name="Nataly Echezuria" userId="016cf74e-e64d-40ef-b55b-1485ed1ed370" providerId="ADAL" clId="{E5D12916-47AB-4835-8339-B62003A5C3A0}" dt="2023-12-21T14:46:12.604" v="148"/>
          <ac:spMkLst>
            <pc:docMk/>
            <pc:sldMk cId="847787837" sldId="274"/>
            <ac:spMk id="7" creationId="{22BEFDDE-4F75-E4C1-D461-F2DC7262A728}"/>
          </ac:spMkLst>
        </pc:spChg>
        <pc:spChg chg="mod">
          <ac:chgData name="Nataly Echezuria" userId="016cf74e-e64d-40ef-b55b-1485ed1ed370" providerId="ADAL" clId="{E5D12916-47AB-4835-8339-B62003A5C3A0}" dt="2023-12-21T14:46:06.476" v="145"/>
          <ac:spMkLst>
            <pc:docMk/>
            <pc:sldMk cId="847787837" sldId="274"/>
            <ac:spMk id="8" creationId="{4196606E-169E-6690-0E1C-F34ECE029392}"/>
          </ac:spMkLst>
        </pc:spChg>
        <pc:spChg chg="mod">
          <ac:chgData name="Nataly Echezuria" userId="016cf74e-e64d-40ef-b55b-1485ed1ed370" providerId="ADAL" clId="{E5D12916-47AB-4835-8339-B62003A5C3A0}" dt="2023-12-21T14:46:07.072" v="146"/>
          <ac:spMkLst>
            <pc:docMk/>
            <pc:sldMk cId="847787837" sldId="274"/>
            <ac:spMk id="9" creationId="{E28A85AC-7368-3C1B-B463-7638EA9FE35A}"/>
          </ac:spMkLst>
        </pc:spChg>
        <pc:spChg chg="mod">
          <ac:chgData name="Nataly Echezuria" userId="016cf74e-e64d-40ef-b55b-1485ed1ed370" providerId="ADAL" clId="{E5D12916-47AB-4835-8339-B62003A5C3A0}" dt="2023-12-21T14:46:07.705" v="147"/>
          <ac:spMkLst>
            <pc:docMk/>
            <pc:sldMk cId="847787837" sldId="274"/>
            <ac:spMk id="10" creationId="{26D56151-12C9-2F75-B0A2-C2AC91AFB154}"/>
          </ac:spMkLst>
        </pc:spChg>
        <pc:spChg chg="mod">
          <ac:chgData name="Nataly Echezuria" userId="016cf74e-e64d-40ef-b55b-1485ed1ed370" providerId="ADAL" clId="{E5D12916-47AB-4835-8339-B62003A5C3A0}" dt="2023-12-21T14:47:01.369" v="161"/>
          <ac:spMkLst>
            <pc:docMk/>
            <pc:sldMk cId="847787837" sldId="274"/>
            <ac:spMk id="12" creationId="{24EFB081-7080-BC01-1743-242BFA394033}"/>
          </ac:spMkLst>
        </pc:spChg>
        <pc:spChg chg="add mod">
          <ac:chgData name="Nataly Echezuria" userId="016cf74e-e64d-40ef-b55b-1485ed1ed370" providerId="ADAL" clId="{E5D12916-47AB-4835-8339-B62003A5C3A0}" dt="2023-12-21T14:45:39.373" v="136" actId="571"/>
          <ac:spMkLst>
            <pc:docMk/>
            <pc:sldMk cId="847787837" sldId="274"/>
            <ac:spMk id="15" creationId="{5239929C-D506-5C31-6D94-5B44F63C9FC3}"/>
          </ac:spMkLst>
        </pc:spChg>
        <pc:spChg chg="add del mod">
          <ac:chgData name="Nataly Echezuria" userId="016cf74e-e64d-40ef-b55b-1485ed1ed370" providerId="ADAL" clId="{E5D12916-47AB-4835-8339-B62003A5C3A0}" dt="2023-12-21T14:51:40.155" v="220" actId="478"/>
          <ac:spMkLst>
            <pc:docMk/>
            <pc:sldMk cId="847787837" sldId="274"/>
            <ac:spMk id="17" creationId="{21AEBD4A-4F39-D038-2317-CEE55D048AAD}"/>
          </ac:spMkLst>
        </pc:spChg>
        <pc:spChg chg="mod">
          <ac:chgData name="Nataly Echezuria" userId="016cf74e-e64d-40ef-b55b-1485ed1ed370" providerId="ADAL" clId="{E5D12916-47AB-4835-8339-B62003A5C3A0}" dt="2023-12-21T14:50:03.452" v="201"/>
          <ac:spMkLst>
            <pc:docMk/>
            <pc:sldMk cId="847787837" sldId="274"/>
            <ac:spMk id="20" creationId="{6DCD55BC-1771-1DDE-5DB1-B56F3D22251B}"/>
          </ac:spMkLst>
        </pc:spChg>
        <pc:spChg chg="mod">
          <ac:chgData name="Nataly Echezuria" userId="016cf74e-e64d-40ef-b55b-1485ed1ed370" providerId="ADAL" clId="{E5D12916-47AB-4835-8339-B62003A5C3A0}" dt="2023-12-21T14:50:03.452" v="201"/>
          <ac:spMkLst>
            <pc:docMk/>
            <pc:sldMk cId="847787837" sldId="274"/>
            <ac:spMk id="21" creationId="{C773957D-13A9-EA4F-713A-909979DC0D15}"/>
          </ac:spMkLst>
        </pc:spChg>
        <pc:spChg chg="mod">
          <ac:chgData name="Nataly Echezuria" userId="016cf74e-e64d-40ef-b55b-1485ed1ed370" providerId="ADAL" clId="{E5D12916-47AB-4835-8339-B62003A5C3A0}" dt="2023-12-21T14:50:03.452" v="201"/>
          <ac:spMkLst>
            <pc:docMk/>
            <pc:sldMk cId="847787837" sldId="274"/>
            <ac:spMk id="22" creationId="{D5B4DD7A-69FD-A319-7F2C-51A28D3B13BA}"/>
          </ac:spMkLst>
        </pc:spChg>
        <pc:grpChg chg="add del mod">
          <ac:chgData name="Nataly Echezuria" userId="016cf74e-e64d-40ef-b55b-1485ed1ed370" providerId="ADAL" clId="{E5D12916-47AB-4835-8339-B62003A5C3A0}" dt="2023-12-21T14:51:39.510" v="219" actId="478"/>
          <ac:grpSpMkLst>
            <pc:docMk/>
            <pc:sldMk cId="847787837" sldId="274"/>
            <ac:grpSpMk id="19" creationId="{A750545C-4EA9-D390-AB3B-EF7ECAABF3F6}"/>
          </ac:grpSpMkLst>
        </pc:grpChg>
        <pc:picChg chg="add mod">
          <ac:chgData name="Nataly Echezuria" userId="016cf74e-e64d-40ef-b55b-1485ed1ed370" providerId="ADAL" clId="{E5D12916-47AB-4835-8339-B62003A5C3A0}" dt="2023-12-21T14:45:42.117" v="137" actId="12788"/>
          <ac:picMkLst>
            <pc:docMk/>
            <pc:sldMk cId="847787837" sldId="274"/>
            <ac:picMk id="3" creationId="{6C55118C-48E4-117E-6379-C84AD74909F2}"/>
          </ac:picMkLst>
        </pc:picChg>
        <pc:picChg chg="mod">
          <ac:chgData name="Nataly Echezuria" userId="016cf74e-e64d-40ef-b55b-1485ed1ed370" providerId="ADAL" clId="{E5D12916-47AB-4835-8339-B62003A5C3A0}" dt="2023-12-21T14:46:05.708" v="144"/>
          <ac:picMkLst>
            <pc:docMk/>
            <pc:sldMk cId="847787837" sldId="274"/>
            <ac:picMk id="6" creationId="{FC76647C-B0EC-814A-FAF9-D4C3FC17E70C}"/>
          </ac:picMkLst>
        </pc:picChg>
        <pc:picChg chg="del">
          <ac:chgData name="Nataly Echezuria" userId="016cf74e-e64d-40ef-b55b-1485ed1ed370" providerId="ADAL" clId="{E5D12916-47AB-4835-8339-B62003A5C3A0}" dt="2023-12-21T14:45:01.662" v="112" actId="478"/>
          <ac:picMkLst>
            <pc:docMk/>
            <pc:sldMk cId="847787837" sldId="274"/>
            <ac:picMk id="11" creationId="{BD2A38D9-B6EB-4EA9-B10B-4EDFC5506136}"/>
          </ac:picMkLst>
        </pc:picChg>
        <pc:picChg chg="mod">
          <ac:chgData name="Nataly Echezuria" userId="016cf74e-e64d-40ef-b55b-1485ed1ed370" providerId="ADAL" clId="{E5D12916-47AB-4835-8339-B62003A5C3A0}" dt="2023-12-21T14:47:00.990" v="160"/>
          <ac:picMkLst>
            <pc:docMk/>
            <pc:sldMk cId="847787837" sldId="274"/>
            <ac:picMk id="13" creationId="{176CC98A-6E11-5AF9-5239-963BC985FF30}"/>
          </ac:picMkLst>
        </pc:picChg>
        <pc:picChg chg="add mod">
          <ac:chgData name="Nataly Echezuria" userId="016cf74e-e64d-40ef-b55b-1485ed1ed370" providerId="ADAL" clId="{E5D12916-47AB-4835-8339-B62003A5C3A0}" dt="2023-12-21T14:45:39.373" v="136" actId="571"/>
          <ac:picMkLst>
            <pc:docMk/>
            <pc:sldMk cId="847787837" sldId="274"/>
            <ac:picMk id="16" creationId="{5D2EB917-7A15-A918-72A6-EE106D877AD2}"/>
          </ac:picMkLst>
        </pc:picChg>
      </pc:sldChg>
      <pc:sldChg chg="del">
        <pc:chgData name="Nataly Echezuria" userId="016cf74e-e64d-40ef-b55b-1485ed1ed370" providerId="ADAL" clId="{E5D12916-47AB-4835-8339-B62003A5C3A0}" dt="2023-12-21T14:44:45.526" v="109" actId="47"/>
        <pc:sldMkLst>
          <pc:docMk/>
          <pc:sldMk cId="4114933033" sldId="275"/>
        </pc:sldMkLst>
      </pc:sldChg>
    </pc:docChg>
  </pc:docChgLst>
  <pc:docChgLst>
    <pc:chgData name="Nataly Echezuria" userId="016cf74e-e64d-40ef-b55b-1485ed1ed370" providerId="ADAL" clId="{DEEE3ADE-1A0A-46EC-A7F6-CD13C506C10B}"/>
    <pc:docChg chg="undo redo custSel addSld delSld modSld sldOrd">
      <pc:chgData name="Nataly Echezuria" userId="016cf74e-e64d-40ef-b55b-1485ed1ed370" providerId="ADAL" clId="{DEEE3ADE-1A0A-46EC-A7F6-CD13C506C10B}" dt="2023-10-12T14:12:06.422" v="213" actId="47"/>
      <pc:docMkLst>
        <pc:docMk/>
      </pc:docMkLst>
      <pc:sldChg chg="add del">
        <pc:chgData name="Nataly Echezuria" userId="016cf74e-e64d-40ef-b55b-1485ed1ed370" providerId="ADAL" clId="{DEEE3ADE-1A0A-46EC-A7F6-CD13C506C10B}" dt="2023-10-12T13:25:34.561" v="23"/>
        <pc:sldMkLst>
          <pc:docMk/>
          <pc:sldMk cId="2149964016" sldId="257"/>
        </pc:sldMkLst>
      </pc:sldChg>
      <pc:sldChg chg="addSp delSp modSp mod">
        <pc:chgData name="Nataly Echezuria" userId="016cf74e-e64d-40ef-b55b-1485ed1ed370" providerId="ADAL" clId="{DEEE3ADE-1A0A-46EC-A7F6-CD13C506C10B}" dt="2023-10-12T14:03:36.345" v="203" actId="478"/>
        <pc:sldMkLst>
          <pc:docMk/>
          <pc:sldMk cId="4276101519" sldId="268"/>
        </pc:sldMkLst>
        <pc:spChg chg="add del">
          <ac:chgData name="Nataly Echezuria" userId="016cf74e-e64d-40ef-b55b-1485ed1ed370" providerId="ADAL" clId="{DEEE3ADE-1A0A-46EC-A7F6-CD13C506C10B}" dt="2023-10-12T13:53:55.738" v="155" actId="22"/>
          <ac:spMkLst>
            <pc:docMk/>
            <pc:sldMk cId="4276101519" sldId="268"/>
            <ac:spMk id="4" creationId="{DC4C7455-0775-5FF3-DAFC-D081E367E165}"/>
          </ac:spMkLst>
        </pc:spChg>
        <pc:spChg chg="add mod ord">
          <ac:chgData name="Nataly Echezuria" userId="016cf74e-e64d-40ef-b55b-1485ed1ed370" providerId="ADAL" clId="{DEEE3ADE-1A0A-46EC-A7F6-CD13C506C10B}" dt="2023-10-12T13:58:52.982" v="168" actId="13244"/>
          <ac:spMkLst>
            <pc:docMk/>
            <pc:sldMk cId="4276101519" sldId="268"/>
            <ac:spMk id="8" creationId="{4196606E-169E-6690-0E1C-F34ECE029392}"/>
          </ac:spMkLst>
        </pc:spChg>
        <pc:spChg chg="add mod ord">
          <ac:chgData name="Nataly Echezuria" userId="016cf74e-e64d-40ef-b55b-1485ed1ed370" providerId="ADAL" clId="{DEEE3ADE-1A0A-46EC-A7F6-CD13C506C10B}" dt="2023-10-12T13:59:00.439" v="170" actId="13244"/>
          <ac:spMkLst>
            <pc:docMk/>
            <pc:sldMk cId="4276101519" sldId="268"/>
            <ac:spMk id="9" creationId="{E28A85AC-7368-3C1B-B463-7638EA9FE35A}"/>
          </ac:spMkLst>
        </pc:spChg>
        <pc:spChg chg="add mod ord">
          <ac:chgData name="Nataly Echezuria" userId="016cf74e-e64d-40ef-b55b-1485ed1ed370" providerId="ADAL" clId="{DEEE3ADE-1A0A-46EC-A7F6-CD13C506C10B}" dt="2023-10-12T13:59:08.408" v="172" actId="13244"/>
          <ac:spMkLst>
            <pc:docMk/>
            <pc:sldMk cId="4276101519" sldId="268"/>
            <ac:spMk id="10" creationId="{26D56151-12C9-2F75-B0A2-C2AC91AFB154}"/>
          </ac:spMkLst>
        </pc:spChg>
        <pc:spChg chg="add mod">
          <ac:chgData name="Nataly Echezuria" userId="016cf74e-e64d-40ef-b55b-1485ed1ed370" providerId="ADAL" clId="{DEEE3ADE-1A0A-46EC-A7F6-CD13C506C10B}" dt="2023-10-12T14:00:03.386" v="173"/>
          <ac:spMkLst>
            <pc:docMk/>
            <pc:sldMk cId="4276101519" sldId="268"/>
            <ac:spMk id="12" creationId="{24EFB081-7080-BC01-1743-242BFA394033}"/>
          </ac:spMkLst>
        </pc:spChg>
        <pc:spChg chg="add mod">
          <ac:chgData name="Nataly Echezuria" userId="016cf74e-e64d-40ef-b55b-1485ed1ed370" providerId="ADAL" clId="{DEEE3ADE-1A0A-46EC-A7F6-CD13C506C10B}" dt="2023-10-12T14:00:03.386" v="173"/>
          <ac:spMkLst>
            <pc:docMk/>
            <pc:sldMk cId="4276101519" sldId="268"/>
            <ac:spMk id="14" creationId="{9057CC46-28C3-A44E-F703-836CE0A5961F}"/>
          </ac:spMkLst>
        </pc:spChg>
        <pc:spChg chg="mod">
          <ac:chgData name="Nataly Echezuria" userId="016cf74e-e64d-40ef-b55b-1485ed1ed370" providerId="ADAL" clId="{DEEE3ADE-1A0A-46EC-A7F6-CD13C506C10B}" dt="2023-10-12T14:00:29.227" v="175"/>
          <ac:spMkLst>
            <pc:docMk/>
            <pc:sldMk cId="4276101519" sldId="268"/>
            <ac:spMk id="16" creationId="{B241386E-D112-8FF7-8671-85A6B482B89E}"/>
          </ac:spMkLst>
        </pc:spChg>
        <pc:spChg chg="mod">
          <ac:chgData name="Nataly Echezuria" userId="016cf74e-e64d-40ef-b55b-1485ed1ed370" providerId="ADAL" clId="{DEEE3ADE-1A0A-46EC-A7F6-CD13C506C10B}" dt="2023-10-12T14:00:29.227" v="175"/>
          <ac:spMkLst>
            <pc:docMk/>
            <pc:sldMk cId="4276101519" sldId="268"/>
            <ac:spMk id="17" creationId="{378B0680-2E81-7791-F8E7-D6787F2001A3}"/>
          </ac:spMkLst>
        </pc:spChg>
        <pc:spChg chg="mod">
          <ac:chgData name="Nataly Echezuria" userId="016cf74e-e64d-40ef-b55b-1485ed1ed370" providerId="ADAL" clId="{DEEE3ADE-1A0A-46EC-A7F6-CD13C506C10B}" dt="2023-10-12T14:00:55.711" v="178" actId="1076"/>
          <ac:spMkLst>
            <pc:docMk/>
            <pc:sldMk cId="4276101519" sldId="268"/>
            <ac:spMk id="18" creationId="{B1601A08-41E0-6E3A-8352-1CDE1E167D9A}"/>
          </ac:spMkLst>
        </pc:spChg>
        <pc:spChg chg="mod">
          <ac:chgData name="Nataly Echezuria" userId="016cf74e-e64d-40ef-b55b-1485ed1ed370" providerId="ADAL" clId="{DEEE3ADE-1A0A-46EC-A7F6-CD13C506C10B}" dt="2023-10-12T14:00:29.227" v="175"/>
          <ac:spMkLst>
            <pc:docMk/>
            <pc:sldMk cId="4276101519" sldId="268"/>
            <ac:spMk id="19" creationId="{1DB3F26C-5BA0-7766-C284-CE1B3F18147A}"/>
          </ac:spMkLst>
        </pc:spChg>
        <pc:spChg chg="add del mod">
          <ac:chgData name="Nataly Echezuria" userId="016cf74e-e64d-40ef-b55b-1485ed1ed370" providerId="ADAL" clId="{DEEE3ADE-1A0A-46EC-A7F6-CD13C506C10B}" dt="2023-10-12T14:03:36.345" v="203" actId="478"/>
          <ac:spMkLst>
            <pc:docMk/>
            <pc:sldMk cId="4276101519" sldId="268"/>
            <ac:spMk id="20" creationId="{50BDCBA0-47D5-8A65-834F-1F15419CDBBA}"/>
          </ac:spMkLst>
        </pc:spChg>
        <pc:grpChg chg="add del mod ord">
          <ac:chgData name="Nataly Echezuria" userId="016cf74e-e64d-40ef-b55b-1485ed1ed370" providerId="ADAL" clId="{DEEE3ADE-1A0A-46EC-A7F6-CD13C506C10B}" dt="2023-10-12T14:03:35.659" v="202" actId="478"/>
          <ac:grpSpMkLst>
            <pc:docMk/>
            <pc:sldMk cId="4276101519" sldId="268"/>
            <ac:grpSpMk id="15" creationId="{0FD3DEA3-B592-26A1-D796-BBDD7A388D5A}"/>
          </ac:grpSpMkLst>
        </pc:grpChg>
        <pc:picChg chg="del">
          <ac:chgData name="Nataly Echezuria" userId="016cf74e-e64d-40ef-b55b-1485ed1ed370" providerId="ADAL" clId="{DEEE3ADE-1A0A-46EC-A7F6-CD13C506C10B}" dt="2023-10-12T13:57:44.196" v="164" actId="478"/>
          <ac:picMkLst>
            <pc:docMk/>
            <pc:sldMk cId="4276101519" sldId="268"/>
            <ac:picMk id="3" creationId="{E0D8C2E0-7BC7-3520-41E1-E86D06C3862E}"/>
          </ac:picMkLst>
        </pc:picChg>
        <pc:picChg chg="add mod ord">
          <ac:chgData name="Nataly Echezuria" userId="016cf74e-e64d-40ef-b55b-1485ed1ed370" providerId="ADAL" clId="{DEEE3ADE-1A0A-46EC-A7F6-CD13C506C10B}" dt="2023-10-12T13:58:42.982" v="166" actId="13244"/>
          <ac:picMkLst>
            <pc:docMk/>
            <pc:sldMk cId="4276101519" sldId="268"/>
            <ac:picMk id="6" creationId="{FC76647C-B0EC-814A-FAF9-D4C3FC17E70C}"/>
          </ac:picMkLst>
        </pc:picChg>
        <pc:picChg chg="add mod">
          <ac:chgData name="Nataly Echezuria" userId="016cf74e-e64d-40ef-b55b-1485ed1ed370" providerId="ADAL" clId="{DEEE3ADE-1A0A-46EC-A7F6-CD13C506C10B}" dt="2023-10-12T14:00:03.386" v="173"/>
          <ac:picMkLst>
            <pc:docMk/>
            <pc:sldMk cId="4276101519" sldId="268"/>
            <ac:picMk id="11" creationId="{BD2A38D9-B6EB-4EA9-B10B-4EDFC5506136}"/>
          </ac:picMkLst>
        </pc:picChg>
        <pc:picChg chg="add mod">
          <ac:chgData name="Nataly Echezuria" userId="016cf74e-e64d-40ef-b55b-1485ed1ed370" providerId="ADAL" clId="{DEEE3ADE-1A0A-46EC-A7F6-CD13C506C10B}" dt="2023-10-12T14:00:03.386" v="173"/>
          <ac:picMkLst>
            <pc:docMk/>
            <pc:sldMk cId="4276101519" sldId="268"/>
            <ac:picMk id="13" creationId="{176CC98A-6E11-5AF9-5239-963BC985FF30}"/>
          </ac:picMkLst>
        </pc:picChg>
      </pc:sldChg>
      <pc:sldChg chg="del">
        <pc:chgData name="Nataly Echezuria" userId="016cf74e-e64d-40ef-b55b-1485ed1ed370" providerId="ADAL" clId="{DEEE3ADE-1A0A-46EC-A7F6-CD13C506C10B}" dt="2023-10-12T14:12:06.422" v="213" actId="47"/>
        <pc:sldMkLst>
          <pc:docMk/>
          <pc:sldMk cId="2406456757" sldId="269"/>
        </pc:sldMkLst>
      </pc:sldChg>
      <pc:sldChg chg="addSp delSp modSp add del mod">
        <pc:chgData name="Nataly Echezuria" userId="016cf74e-e64d-40ef-b55b-1485ed1ed370" providerId="ADAL" clId="{DEEE3ADE-1A0A-46EC-A7F6-CD13C506C10B}" dt="2023-10-12T13:38:38.389" v="148" actId="20577"/>
        <pc:sldMkLst>
          <pc:docMk/>
          <pc:sldMk cId="1842853321" sldId="270"/>
        </pc:sldMkLst>
        <pc:spChg chg="mod ord">
          <ac:chgData name="Nataly Echezuria" userId="016cf74e-e64d-40ef-b55b-1485ed1ed370" providerId="ADAL" clId="{DEEE3ADE-1A0A-46EC-A7F6-CD13C506C10B}" dt="2023-10-12T13:33:27.299" v="136" actId="552"/>
          <ac:spMkLst>
            <pc:docMk/>
            <pc:sldMk cId="1842853321" sldId="270"/>
            <ac:spMk id="2" creationId="{86BBEA38-D4EA-354A-C0A7-F4FF3D9D75D3}"/>
          </ac:spMkLst>
        </pc:spChg>
        <pc:spChg chg="add mod ord">
          <ac:chgData name="Nataly Echezuria" userId="016cf74e-e64d-40ef-b55b-1485ed1ed370" providerId="ADAL" clId="{DEEE3ADE-1A0A-46EC-A7F6-CD13C506C10B}" dt="2023-10-12T13:28:25.760" v="55" actId="13244"/>
          <ac:spMkLst>
            <pc:docMk/>
            <pc:sldMk cId="1842853321" sldId="270"/>
            <ac:spMk id="8" creationId="{183B3A07-24CC-C1F5-2CE0-970547FA5B6F}"/>
          </ac:spMkLst>
        </pc:spChg>
        <pc:spChg chg="add mod ord">
          <ac:chgData name="Nataly Echezuria" userId="016cf74e-e64d-40ef-b55b-1485ed1ed370" providerId="ADAL" clId="{DEEE3ADE-1A0A-46EC-A7F6-CD13C506C10B}" dt="2023-10-12T13:28:40.361" v="59" actId="13244"/>
          <ac:spMkLst>
            <pc:docMk/>
            <pc:sldMk cId="1842853321" sldId="270"/>
            <ac:spMk id="10" creationId="{1AD3E06A-283C-F4B1-4B61-284D1AD63208}"/>
          </ac:spMkLst>
        </pc:spChg>
        <pc:spChg chg="add mod ord">
          <ac:chgData name="Nataly Echezuria" userId="016cf74e-e64d-40ef-b55b-1485ed1ed370" providerId="ADAL" clId="{DEEE3ADE-1A0A-46EC-A7F6-CD13C506C10B}" dt="2023-10-12T13:28:46.404" v="61" actId="13244"/>
          <ac:spMkLst>
            <pc:docMk/>
            <pc:sldMk cId="1842853321" sldId="270"/>
            <ac:spMk id="11" creationId="{6100609D-04CF-1B28-2856-83B84D3B7C11}"/>
          </ac:spMkLst>
        </pc:spChg>
        <pc:spChg chg="add mod">
          <ac:chgData name="Nataly Echezuria" userId="016cf74e-e64d-40ef-b55b-1485ed1ed370" providerId="ADAL" clId="{DEEE3ADE-1A0A-46EC-A7F6-CD13C506C10B}" dt="2023-10-12T13:33:27.299" v="136" actId="552"/>
          <ac:spMkLst>
            <pc:docMk/>
            <pc:sldMk cId="1842853321" sldId="270"/>
            <ac:spMk id="13" creationId="{0ECB4A5E-327D-B54C-56DF-2FD2060E075F}"/>
          </ac:spMkLst>
        </pc:spChg>
        <pc:spChg chg="add del mod">
          <ac:chgData name="Nataly Echezuria" userId="016cf74e-e64d-40ef-b55b-1485ed1ed370" providerId="ADAL" clId="{DEEE3ADE-1A0A-46EC-A7F6-CD13C506C10B}" dt="2023-10-12T13:38:10.595" v="138"/>
          <ac:spMkLst>
            <pc:docMk/>
            <pc:sldMk cId="1842853321" sldId="270"/>
            <ac:spMk id="16" creationId="{2EC45394-D816-2994-77BB-2260E31654A4}"/>
          </ac:spMkLst>
        </pc:spChg>
        <pc:spChg chg="add mod">
          <ac:chgData name="Nataly Echezuria" userId="016cf74e-e64d-40ef-b55b-1485ed1ed370" providerId="ADAL" clId="{DEEE3ADE-1A0A-46EC-A7F6-CD13C506C10B}" dt="2023-10-12T13:38:38.389" v="148" actId="20577"/>
          <ac:spMkLst>
            <pc:docMk/>
            <pc:sldMk cId="1842853321" sldId="270"/>
            <ac:spMk id="17" creationId="{D465639F-9275-2E8A-9EF1-40A3FCA9F8A1}"/>
          </ac:spMkLst>
        </pc:spChg>
        <pc:picChg chg="add del mod ord replST">
          <ac:chgData name="Nataly Echezuria" userId="016cf74e-e64d-40ef-b55b-1485ed1ed370" providerId="ADAL" clId="{DEEE3ADE-1A0A-46EC-A7F6-CD13C506C10B}" dt="2023-10-12T13:25:43.336" v="26" actId="478"/>
          <ac:picMkLst>
            <pc:docMk/>
            <pc:sldMk cId="1842853321" sldId="270"/>
            <ac:picMk id="4" creationId="{8434E09E-DC30-314C-B25A-DAF89696C46F}"/>
          </ac:picMkLst>
        </pc:picChg>
        <pc:picChg chg="add mod ord modVis replST modCrop">
          <ac:chgData name="Nataly Echezuria" userId="016cf74e-e64d-40ef-b55b-1485ed1ed370" providerId="ADAL" clId="{DEEE3ADE-1A0A-46EC-A7F6-CD13C506C10B}" dt="2023-10-12T13:28:49.254" v="62" actId="14429"/>
          <ac:picMkLst>
            <pc:docMk/>
            <pc:sldMk cId="1842853321" sldId="270"/>
            <ac:picMk id="6" creationId="{E8DCC5DB-A901-36BA-23B9-F78295C84A00}"/>
          </ac:picMkLst>
        </pc:picChg>
        <pc:picChg chg="del">
          <ac:chgData name="Nataly Echezuria" userId="016cf74e-e64d-40ef-b55b-1485ed1ed370" providerId="ADAL" clId="{DEEE3ADE-1A0A-46EC-A7F6-CD13C506C10B}" dt="2023-10-12T13:21:37.057" v="3" actId="478"/>
          <ac:picMkLst>
            <pc:docMk/>
            <pc:sldMk cId="1842853321" sldId="270"/>
            <ac:picMk id="7" creationId="{08E5E289-7DB6-0BCF-8DFC-189FED73EBDE}"/>
          </ac:picMkLst>
        </pc:picChg>
        <pc:picChg chg="add del">
          <ac:chgData name="Nataly Echezuria" userId="016cf74e-e64d-40ef-b55b-1485ed1ed370" providerId="ADAL" clId="{DEEE3ADE-1A0A-46EC-A7F6-CD13C506C10B}" dt="2023-10-12T13:21:34.753" v="2" actId="478"/>
          <ac:picMkLst>
            <pc:docMk/>
            <pc:sldMk cId="1842853321" sldId="270"/>
            <ac:picMk id="9" creationId="{406BFAF2-AE53-C5DC-54C9-891C6E186B44}"/>
          </ac:picMkLst>
        </pc:picChg>
        <pc:picChg chg="add mod">
          <ac:chgData name="Nataly Echezuria" userId="016cf74e-e64d-40ef-b55b-1485ed1ed370" providerId="ADAL" clId="{DEEE3ADE-1A0A-46EC-A7F6-CD13C506C10B}" dt="2023-10-12T13:29:20.291" v="63"/>
          <ac:picMkLst>
            <pc:docMk/>
            <pc:sldMk cId="1842853321" sldId="270"/>
            <ac:picMk id="12" creationId="{5083A14F-CA23-34DA-9369-E5553DABAF4B}"/>
          </ac:picMkLst>
        </pc:picChg>
        <pc:picChg chg="add mod ord replST">
          <ac:chgData name="Nataly Echezuria" userId="016cf74e-e64d-40ef-b55b-1485ed1ed370" providerId="ADAL" clId="{DEEE3ADE-1A0A-46EC-A7F6-CD13C506C10B}" dt="2023-10-12T13:33:27.299" v="136" actId="552"/>
          <ac:picMkLst>
            <pc:docMk/>
            <pc:sldMk cId="1842853321" sldId="270"/>
            <ac:picMk id="15" creationId="{8E99926D-0CEA-ED9A-56C8-2502B425E663}"/>
          </ac:picMkLst>
        </pc:picChg>
      </pc:sldChg>
      <pc:sldChg chg="addSp delSp modSp mod">
        <pc:chgData name="Nataly Echezuria" userId="016cf74e-e64d-40ef-b55b-1485ed1ed370" providerId="ADAL" clId="{DEEE3ADE-1A0A-46EC-A7F6-CD13C506C10B}" dt="2023-10-12T14:02:46.447" v="201" actId="1076"/>
        <pc:sldMkLst>
          <pc:docMk/>
          <pc:sldMk cId="3035780936" sldId="271"/>
        </pc:sldMkLst>
        <pc:spChg chg="mod">
          <ac:chgData name="Nataly Echezuria" userId="016cf74e-e64d-40ef-b55b-1485ed1ed370" providerId="ADAL" clId="{DEEE3ADE-1A0A-46EC-A7F6-CD13C506C10B}" dt="2023-10-12T13:39:33.220" v="153" actId="20577"/>
          <ac:spMkLst>
            <pc:docMk/>
            <pc:sldMk cId="3035780936" sldId="271"/>
            <ac:spMk id="5" creationId="{8C2F15C8-4893-5703-E7FC-E8C0F7FE8EDB}"/>
          </ac:spMkLst>
        </pc:spChg>
        <pc:picChg chg="add mod">
          <ac:chgData name="Nataly Echezuria" userId="016cf74e-e64d-40ef-b55b-1485ed1ed370" providerId="ADAL" clId="{DEEE3ADE-1A0A-46EC-A7F6-CD13C506C10B}" dt="2023-10-12T14:02:46.447" v="201" actId="1076"/>
          <ac:picMkLst>
            <pc:docMk/>
            <pc:sldMk cId="3035780936" sldId="271"/>
            <ac:picMk id="4" creationId="{8AC95AD8-9286-C0B6-AB88-B0AB140824A6}"/>
          </ac:picMkLst>
        </pc:picChg>
        <pc:picChg chg="del">
          <ac:chgData name="Nataly Echezuria" userId="016cf74e-e64d-40ef-b55b-1485ed1ed370" providerId="ADAL" clId="{DEEE3ADE-1A0A-46EC-A7F6-CD13C506C10B}" dt="2023-10-12T14:02:39.592" v="198" actId="478"/>
          <ac:picMkLst>
            <pc:docMk/>
            <pc:sldMk cId="3035780936" sldId="271"/>
            <ac:picMk id="15" creationId="{20459E7F-BF03-25E2-A812-9E3E2AB1C4C4}"/>
          </ac:picMkLst>
        </pc:picChg>
      </pc:sldChg>
      <pc:sldChg chg="del">
        <pc:chgData name="Nataly Echezuria" userId="016cf74e-e64d-40ef-b55b-1485ed1ed370" providerId="ADAL" clId="{DEEE3ADE-1A0A-46EC-A7F6-CD13C506C10B}" dt="2023-10-12T14:05:53.546" v="204" actId="47"/>
        <pc:sldMkLst>
          <pc:docMk/>
          <pc:sldMk cId="2214891768" sldId="272"/>
        </pc:sldMkLst>
      </pc:sldChg>
      <pc:sldChg chg="addSp delSp modSp mod">
        <pc:chgData name="Nataly Echezuria" userId="016cf74e-e64d-40ef-b55b-1485ed1ed370" providerId="ADAL" clId="{DEEE3ADE-1A0A-46EC-A7F6-CD13C506C10B}" dt="2023-10-12T14:11:53.559" v="212" actId="13244"/>
        <pc:sldMkLst>
          <pc:docMk/>
          <pc:sldMk cId="2589883871" sldId="273"/>
        </pc:sldMkLst>
        <pc:picChg chg="add mod ord">
          <ac:chgData name="Nataly Echezuria" userId="016cf74e-e64d-40ef-b55b-1485ed1ed370" providerId="ADAL" clId="{DEEE3ADE-1A0A-46EC-A7F6-CD13C506C10B}" dt="2023-10-12T14:11:53.559" v="212" actId="13244"/>
          <ac:picMkLst>
            <pc:docMk/>
            <pc:sldMk cId="2589883871" sldId="273"/>
            <ac:picMk id="3" creationId="{27DFC13A-DC59-BABE-3ED3-98B420AD214B}"/>
          </ac:picMkLst>
        </pc:picChg>
        <pc:picChg chg="add del">
          <ac:chgData name="Nataly Echezuria" userId="016cf74e-e64d-40ef-b55b-1485ed1ed370" providerId="ADAL" clId="{DEEE3ADE-1A0A-46EC-A7F6-CD13C506C10B}" dt="2023-10-12T14:11:37.827" v="207" actId="478"/>
          <ac:picMkLst>
            <pc:docMk/>
            <pc:sldMk cId="2589883871" sldId="273"/>
            <ac:picMk id="5" creationId="{998FB9EA-2D50-A073-7AB6-6D25DF462EFA}"/>
          </ac:picMkLst>
        </pc:picChg>
      </pc:sldChg>
      <pc:sldChg chg="addSp delSp modSp add del mod ord">
        <pc:chgData name="Nataly Echezuria" userId="016cf74e-e64d-40ef-b55b-1485ed1ed370" providerId="ADAL" clId="{DEEE3ADE-1A0A-46EC-A7F6-CD13C506C10B}" dt="2023-10-12T14:00:09.777" v="174" actId="47"/>
        <pc:sldMkLst>
          <pc:docMk/>
          <pc:sldMk cId="2934644895" sldId="274"/>
        </pc:sldMkLst>
        <pc:spChg chg="del">
          <ac:chgData name="Nataly Echezuria" userId="016cf74e-e64d-40ef-b55b-1485ed1ed370" providerId="ADAL" clId="{DEEE3ADE-1A0A-46EC-A7F6-CD13C506C10B}" dt="2023-10-12T13:55:42.911" v="161" actId="478"/>
          <ac:spMkLst>
            <pc:docMk/>
            <pc:sldMk cId="2934644895" sldId="274"/>
            <ac:spMk id="2" creationId="{86BBEA38-D4EA-354A-C0A7-F4FF3D9D75D3}"/>
          </ac:spMkLst>
        </pc:spChg>
        <pc:spChg chg="add del mod">
          <ac:chgData name="Nataly Echezuria" userId="016cf74e-e64d-40ef-b55b-1485ed1ed370" providerId="ADAL" clId="{DEEE3ADE-1A0A-46EC-A7F6-CD13C506C10B}" dt="2023-10-12T13:55:46.951" v="162" actId="478"/>
          <ac:spMkLst>
            <pc:docMk/>
            <pc:sldMk cId="2934644895" sldId="274"/>
            <ac:spMk id="4" creationId="{79E8E188-5CA9-59C0-C410-DE146D99A369}"/>
          </ac:spMkLst>
        </pc:spChg>
        <pc:spChg chg="add mod">
          <ac:chgData name="Nataly Echezuria" userId="016cf74e-e64d-40ef-b55b-1485ed1ed370" providerId="ADAL" clId="{DEEE3ADE-1A0A-46EC-A7F6-CD13C506C10B}" dt="2023-10-12T13:56:14.641" v="163"/>
          <ac:spMkLst>
            <pc:docMk/>
            <pc:sldMk cId="2934644895" sldId="274"/>
            <ac:spMk id="5" creationId="{58E5234E-C944-3A6A-AB42-AF4DE45FC600}"/>
          </ac:spMkLst>
        </pc:spChg>
        <pc:spChg chg="add mod">
          <ac:chgData name="Nataly Echezuria" userId="016cf74e-e64d-40ef-b55b-1485ed1ed370" providerId="ADAL" clId="{DEEE3ADE-1A0A-46EC-A7F6-CD13C506C10B}" dt="2023-10-12T13:56:14.641" v="163"/>
          <ac:spMkLst>
            <pc:docMk/>
            <pc:sldMk cId="2934644895" sldId="274"/>
            <ac:spMk id="7" creationId="{2F099096-A814-13F2-8603-81320CC945C0}"/>
          </ac:spMkLst>
        </pc:spChg>
        <pc:spChg chg="add del">
          <ac:chgData name="Nataly Echezuria" userId="016cf74e-e64d-40ef-b55b-1485ed1ed370" providerId="ADAL" clId="{DEEE3ADE-1A0A-46EC-A7F6-CD13C506C10B}" dt="2023-10-12T13:55:40.070" v="160" actId="478"/>
          <ac:spMkLst>
            <pc:docMk/>
            <pc:sldMk cId="2934644895" sldId="274"/>
            <ac:spMk id="13" creationId="{0ECB4A5E-327D-B54C-56DF-2FD2060E075F}"/>
          </ac:spMkLst>
        </pc:spChg>
      </pc:sldChg>
      <pc:sldMasterChg chg="addSldLayout delSldLayout">
        <pc:chgData name="Nataly Echezuria" userId="016cf74e-e64d-40ef-b55b-1485ed1ed370" providerId="ADAL" clId="{DEEE3ADE-1A0A-46EC-A7F6-CD13C506C10B}" dt="2023-10-12T13:25:40.917" v="24" actId="47"/>
        <pc:sldMasterMkLst>
          <pc:docMk/>
          <pc:sldMasterMk cId="1570318044" sldId="2147483648"/>
        </pc:sldMasterMkLst>
        <pc:sldLayoutChg chg="add del">
          <pc:chgData name="Nataly Echezuria" userId="016cf74e-e64d-40ef-b55b-1485ed1ed370" providerId="ADAL" clId="{DEEE3ADE-1A0A-46EC-A7F6-CD13C506C10B}" dt="2023-10-12T13:25:40.917" v="24" actId="47"/>
          <pc:sldLayoutMkLst>
            <pc:docMk/>
            <pc:sldMasterMk cId="1570318044" sldId="2147483648"/>
            <pc:sldLayoutMk cId="2775133810" sldId="2147483660"/>
          </pc:sldLayoutMkLst>
        </pc:sldLayoutChg>
      </pc:sldMasterChg>
    </pc:docChg>
  </pc:docChgLst>
  <pc:docChgLst>
    <pc:chgData clId="Web-{58FCC70D-BE10-0B69-D270-DBCEF6FEF4F9}"/>
    <pc:docChg chg="modSld">
      <pc:chgData name="" userId="" providerId="" clId="Web-{58FCC70D-BE10-0B69-D270-DBCEF6FEF4F9}" dt="2023-11-09T15:01:35.961" v="0" actId="20577"/>
      <pc:docMkLst>
        <pc:docMk/>
      </pc:docMkLst>
      <pc:sldChg chg="modSp">
        <pc:chgData name="" userId="" providerId="" clId="Web-{58FCC70D-BE10-0B69-D270-DBCEF6FEF4F9}" dt="2023-11-09T15:01:35.961" v="0" actId="20577"/>
        <pc:sldMkLst>
          <pc:docMk/>
          <pc:sldMk cId="3035780936" sldId="271"/>
        </pc:sldMkLst>
        <pc:spChg chg="mod">
          <ac:chgData name="" userId="" providerId="" clId="Web-{58FCC70D-BE10-0B69-D270-DBCEF6FEF4F9}" dt="2023-11-09T15:01:35.961" v="0" actId="20577"/>
          <ac:spMkLst>
            <pc:docMk/>
            <pc:sldMk cId="3035780936" sldId="271"/>
            <ac:spMk id="5" creationId="{8C2F15C8-4893-5703-E7FC-E8C0F7FE8EDB}"/>
          </ac:spMkLst>
        </pc:spChg>
      </pc:sldChg>
    </pc:docChg>
  </pc:docChgLst>
  <pc:docChgLst>
    <pc:chgData name="Nataly Echezuria" userId="016cf74e-e64d-40ef-b55b-1485ed1ed370" providerId="ADAL" clId="{EC78C44E-2D98-410B-9229-95C90BA223B1}"/>
    <pc:docChg chg="custSel addSld delSld modSld sldOrd">
      <pc:chgData name="Nataly Echezuria" userId="016cf74e-e64d-40ef-b55b-1485ed1ed370" providerId="ADAL" clId="{EC78C44E-2D98-410B-9229-95C90BA223B1}" dt="2023-11-10T14:48:05.651" v="99" actId="207"/>
      <pc:docMkLst>
        <pc:docMk/>
      </pc:docMkLst>
      <pc:sldChg chg="addSp delSp modSp mod">
        <pc:chgData name="Nataly Echezuria" userId="016cf74e-e64d-40ef-b55b-1485ed1ed370" providerId="ADAL" clId="{EC78C44E-2D98-410B-9229-95C90BA223B1}" dt="2023-11-10T14:46:55.301" v="85" actId="478"/>
        <pc:sldMkLst>
          <pc:docMk/>
          <pc:sldMk cId="4276101519" sldId="268"/>
        </pc:sldMkLst>
        <pc:spChg chg="add mod">
          <ac:chgData name="Nataly Echezuria" userId="016cf74e-e64d-40ef-b55b-1485ed1ed370" providerId="ADAL" clId="{EC78C44E-2D98-410B-9229-95C90BA223B1}" dt="2023-11-10T14:44:06.398" v="61"/>
          <ac:spMkLst>
            <pc:docMk/>
            <pc:sldMk cId="4276101519" sldId="268"/>
            <ac:spMk id="4" creationId="{A34FB0B0-5783-AAE6-5692-8D22D3D8F346}"/>
          </ac:spMkLst>
        </pc:spChg>
        <pc:spChg chg="mod">
          <ac:chgData name="Nataly Echezuria" userId="016cf74e-e64d-40ef-b55b-1485ed1ed370" providerId="ADAL" clId="{EC78C44E-2D98-410B-9229-95C90BA223B1}" dt="2023-11-10T14:43:46.922" v="59" actId="164"/>
          <ac:spMkLst>
            <pc:docMk/>
            <pc:sldMk cId="4276101519" sldId="268"/>
            <ac:spMk id="10" creationId="{26D56151-12C9-2F75-B0A2-C2AC91AFB154}"/>
          </ac:spMkLst>
        </pc:spChg>
        <pc:spChg chg="mod">
          <ac:chgData name="Nataly Echezuria" userId="016cf74e-e64d-40ef-b55b-1485ed1ed370" providerId="ADAL" clId="{EC78C44E-2D98-410B-9229-95C90BA223B1}" dt="2023-11-10T14:44:06.398" v="61"/>
          <ac:spMkLst>
            <pc:docMk/>
            <pc:sldMk cId="4276101519" sldId="268"/>
            <ac:spMk id="12" creationId="{24EFB081-7080-BC01-1743-242BFA394033}"/>
          </ac:spMkLst>
        </pc:spChg>
        <pc:spChg chg="mod">
          <ac:chgData name="Nataly Echezuria" userId="016cf74e-e64d-40ef-b55b-1485ed1ed370" providerId="ADAL" clId="{EC78C44E-2D98-410B-9229-95C90BA223B1}" dt="2023-11-10T14:44:06.398" v="61"/>
          <ac:spMkLst>
            <pc:docMk/>
            <pc:sldMk cId="4276101519" sldId="268"/>
            <ac:spMk id="14" creationId="{9057CC46-28C3-A44E-F703-836CE0A5961F}"/>
          </ac:spMkLst>
        </pc:spChg>
        <pc:spChg chg="add mod">
          <ac:chgData name="Nataly Echezuria" userId="016cf74e-e64d-40ef-b55b-1485ed1ed370" providerId="ADAL" clId="{EC78C44E-2D98-410B-9229-95C90BA223B1}" dt="2023-11-10T14:44:06.398" v="61"/>
          <ac:spMkLst>
            <pc:docMk/>
            <pc:sldMk cId="4276101519" sldId="268"/>
            <ac:spMk id="15" creationId="{80DB95C1-5DB5-2057-F3A0-71484AE3270E}"/>
          </ac:spMkLst>
        </pc:spChg>
        <pc:spChg chg="add del mod">
          <ac:chgData name="Nataly Echezuria" userId="016cf74e-e64d-40ef-b55b-1485ed1ed370" providerId="ADAL" clId="{EC78C44E-2D98-410B-9229-95C90BA223B1}" dt="2023-11-10T14:46:55.301" v="85" actId="478"/>
          <ac:spMkLst>
            <pc:docMk/>
            <pc:sldMk cId="4276101519" sldId="268"/>
            <ac:spMk id="19" creationId="{030CE6B2-D8C1-0A90-388B-536108CE7926}"/>
          </ac:spMkLst>
        </pc:spChg>
        <pc:grpChg chg="add mod">
          <ac:chgData name="Nataly Echezuria" userId="016cf74e-e64d-40ef-b55b-1485ed1ed370" providerId="ADAL" clId="{EC78C44E-2D98-410B-9229-95C90BA223B1}" dt="2023-11-10T14:43:46.922" v="59" actId="164"/>
          <ac:grpSpMkLst>
            <pc:docMk/>
            <pc:sldMk cId="4276101519" sldId="268"/>
            <ac:grpSpMk id="16" creationId="{4ABC3791-DDE6-01D2-1CB3-2058BCAA4E93}"/>
          </ac:grpSpMkLst>
        </pc:grpChg>
        <pc:grpChg chg="add mod">
          <ac:chgData name="Nataly Echezuria" userId="016cf74e-e64d-40ef-b55b-1485ed1ed370" providerId="ADAL" clId="{EC78C44E-2D98-410B-9229-95C90BA223B1}" dt="2023-11-10T14:44:06.398" v="61"/>
          <ac:grpSpMkLst>
            <pc:docMk/>
            <pc:sldMk cId="4276101519" sldId="268"/>
            <ac:grpSpMk id="17" creationId="{3C653A80-DF70-0C81-FB70-D9C2C688FB55}"/>
          </ac:grpSpMkLst>
        </pc:grpChg>
        <pc:picChg chg="add mod">
          <ac:chgData name="Nataly Echezuria" userId="016cf74e-e64d-40ef-b55b-1485ed1ed370" providerId="ADAL" clId="{EC78C44E-2D98-410B-9229-95C90BA223B1}" dt="2023-11-10T14:44:06.398" v="61"/>
          <ac:picMkLst>
            <pc:docMk/>
            <pc:sldMk cId="4276101519" sldId="268"/>
            <ac:picMk id="2" creationId="{D27FA228-379D-4760-37A5-3EABE381A7D3}"/>
          </ac:picMkLst>
        </pc:picChg>
        <pc:picChg chg="add mod">
          <ac:chgData name="Nataly Echezuria" userId="016cf74e-e64d-40ef-b55b-1485ed1ed370" providerId="ADAL" clId="{EC78C44E-2D98-410B-9229-95C90BA223B1}" dt="2023-11-10T14:44:06.398" v="61"/>
          <ac:picMkLst>
            <pc:docMk/>
            <pc:sldMk cId="4276101519" sldId="268"/>
            <ac:picMk id="3" creationId="{CD52DB7D-D7DD-48E0-A977-037918502D52}"/>
          </ac:picMkLst>
        </pc:picChg>
        <pc:picChg chg="mod">
          <ac:chgData name="Nataly Echezuria" userId="016cf74e-e64d-40ef-b55b-1485ed1ed370" providerId="ADAL" clId="{EC78C44E-2D98-410B-9229-95C90BA223B1}" dt="2023-11-10T14:44:06.398" v="61"/>
          <ac:picMkLst>
            <pc:docMk/>
            <pc:sldMk cId="4276101519" sldId="268"/>
            <ac:picMk id="11" creationId="{BD2A38D9-B6EB-4EA9-B10B-4EDFC5506136}"/>
          </ac:picMkLst>
        </pc:picChg>
        <pc:picChg chg="mod">
          <ac:chgData name="Nataly Echezuria" userId="016cf74e-e64d-40ef-b55b-1485ed1ed370" providerId="ADAL" clId="{EC78C44E-2D98-410B-9229-95C90BA223B1}" dt="2023-11-10T14:44:06.398" v="61"/>
          <ac:picMkLst>
            <pc:docMk/>
            <pc:sldMk cId="4276101519" sldId="268"/>
            <ac:picMk id="13" creationId="{176CC98A-6E11-5AF9-5239-963BC985FF30}"/>
          </ac:picMkLst>
        </pc:picChg>
      </pc:sldChg>
      <pc:sldChg chg="addSp delSp modSp mod">
        <pc:chgData name="Nataly Echezuria" userId="016cf74e-e64d-40ef-b55b-1485ed1ed370" providerId="ADAL" clId="{EC78C44E-2D98-410B-9229-95C90BA223B1}" dt="2023-11-10T14:42:20.220" v="53" actId="12789"/>
        <pc:sldMkLst>
          <pc:docMk/>
          <pc:sldMk cId="1842853321" sldId="270"/>
        </pc:sldMkLst>
        <pc:spChg chg="add mod">
          <ac:chgData name="Nataly Echezuria" userId="016cf74e-e64d-40ef-b55b-1485ed1ed370" providerId="ADAL" clId="{EC78C44E-2D98-410B-9229-95C90BA223B1}" dt="2023-11-10T14:42:02.442" v="49" actId="554"/>
          <ac:spMkLst>
            <pc:docMk/>
            <pc:sldMk cId="1842853321" sldId="270"/>
            <ac:spMk id="3" creationId="{63A480CA-946E-EB46-872F-9B84C468BB56}"/>
          </ac:spMkLst>
        </pc:spChg>
        <pc:spChg chg="add mod">
          <ac:chgData name="Nataly Echezuria" userId="016cf74e-e64d-40ef-b55b-1485ed1ed370" providerId="ADAL" clId="{EC78C44E-2D98-410B-9229-95C90BA223B1}" dt="2023-11-10T14:42:02.442" v="49" actId="554"/>
          <ac:spMkLst>
            <pc:docMk/>
            <pc:sldMk cId="1842853321" sldId="270"/>
            <ac:spMk id="4" creationId="{3A3A784A-125F-8108-E508-DC9544844342}"/>
          </ac:spMkLst>
        </pc:spChg>
        <pc:spChg chg="mod">
          <ac:chgData name="Nataly Echezuria" userId="016cf74e-e64d-40ef-b55b-1485ed1ed370" providerId="ADAL" clId="{EC78C44E-2D98-410B-9229-95C90BA223B1}" dt="2023-11-10T14:39:35.308" v="7" actId="12789"/>
          <ac:spMkLst>
            <pc:docMk/>
            <pc:sldMk cId="1842853321" sldId="270"/>
            <ac:spMk id="11" creationId="{6100609D-04CF-1B28-2856-83B84D3B7C11}"/>
          </ac:spMkLst>
        </pc:spChg>
        <pc:picChg chg="add del mod">
          <ac:chgData name="Nataly Echezuria" userId="016cf74e-e64d-40ef-b55b-1485ed1ed370" providerId="ADAL" clId="{EC78C44E-2D98-410B-9229-95C90BA223B1}" dt="2023-11-10T14:39:13.323" v="3"/>
          <ac:picMkLst>
            <pc:docMk/>
            <pc:sldMk cId="1842853321" sldId="270"/>
            <ac:picMk id="1026" creationId="{17341792-850A-3675-80B9-FC541FFEFE48}"/>
          </ac:picMkLst>
        </pc:picChg>
        <pc:picChg chg="add del mod">
          <ac:chgData name="Nataly Echezuria" userId="016cf74e-e64d-40ef-b55b-1485ed1ed370" providerId="ADAL" clId="{EC78C44E-2D98-410B-9229-95C90BA223B1}" dt="2023-11-10T14:39:13.323" v="3"/>
          <ac:picMkLst>
            <pc:docMk/>
            <pc:sldMk cId="1842853321" sldId="270"/>
            <ac:picMk id="1027" creationId="{0E2D1B68-1E27-1630-E3CE-542EFA43F889}"/>
          </ac:picMkLst>
        </pc:picChg>
        <pc:picChg chg="add mod">
          <ac:chgData name="Nataly Echezuria" userId="016cf74e-e64d-40ef-b55b-1485ed1ed370" providerId="ADAL" clId="{EC78C44E-2D98-410B-9229-95C90BA223B1}" dt="2023-11-10T14:42:20.220" v="53" actId="12789"/>
          <ac:picMkLst>
            <pc:docMk/>
            <pc:sldMk cId="1842853321" sldId="270"/>
            <ac:picMk id="1029" creationId="{6E0266F1-D9B2-77ED-B8C1-B0682248AB7D}"/>
          </ac:picMkLst>
        </pc:picChg>
        <pc:picChg chg="add mod">
          <ac:chgData name="Nataly Echezuria" userId="016cf74e-e64d-40ef-b55b-1485ed1ed370" providerId="ADAL" clId="{EC78C44E-2D98-410B-9229-95C90BA223B1}" dt="2023-11-10T14:42:20.220" v="53" actId="12789"/>
          <ac:picMkLst>
            <pc:docMk/>
            <pc:sldMk cId="1842853321" sldId="270"/>
            <ac:picMk id="1030" creationId="{997B0F9D-5D35-C069-3E23-A2C625ADEADE}"/>
          </ac:picMkLst>
        </pc:picChg>
      </pc:sldChg>
      <pc:sldChg chg="addSp delSp modSp mod">
        <pc:chgData name="Nataly Echezuria" userId="016cf74e-e64d-40ef-b55b-1485ed1ed370" providerId="ADAL" clId="{EC78C44E-2D98-410B-9229-95C90BA223B1}" dt="2023-11-10T14:48:05.651" v="99" actId="207"/>
        <pc:sldMkLst>
          <pc:docMk/>
          <pc:sldMk cId="3035780936" sldId="271"/>
        </pc:sldMkLst>
        <pc:spChg chg="mod">
          <ac:chgData name="Nataly Echezuria" userId="016cf74e-e64d-40ef-b55b-1485ed1ed370" providerId="ADAL" clId="{EC78C44E-2D98-410B-9229-95C90BA223B1}" dt="2023-11-10T14:47:12.033" v="90" actId="20577"/>
          <ac:spMkLst>
            <pc:docMk/>
            <pc:sldMk cId="3035780936" sldId="271"/>
            <ac:spMk id="5" creationId="{8C2F15C8-4893-5703-E7FC-E8C0F7FE8EDB}"/>
          </ac:spMkLst>
        </pc:spChg>
        <pc:spChg chg="mod">
          <ac:chgData name="Nataly Echezuria" userId="016cf74e-e64d-40ef-b55b-1485ed1ed370" providerId="ADAL" clId="{EC78C44E-2D98-410B-9229-95C90BA223B1}" dt="2023-11-10T14:48:05.651" v="99" actId="207"/>
          <ac:spMkLst>
            <pc:docMk/>
            <pc:sldMk cId="3035780936" sldId="271"/>
            <ac:spMk id="10" creationId="{1E55CEDC-A702-8C3C-2B40-378E344AF2A5}"/>
          </ac:spMkLst>
        </pc:spChg>
        <pc:spChg chg="mod">
          <ac:chgData name="Nataly Echezuria" userId="016cf74e-e64d-40ef-b55b-1485ed1ed370" providerId="ADAL" clId="{EC78C44E-2D98-410B-9229-95C90BA223B1}" dt="2023-11-10T14:47:35.451" v="94"/>
          <ac:spMkLst>
            <pc:docMk/>
            <pc:sldMk cId="3035780936" sldId="271"/>
            <ac:spMk id="11" creationId="{BBF167A1-7432-A0A6-5035-50E562774199}"/>
          </ac:spMkLst>
        </pc:spChg>
        <pc:spChg chg="del mod">
          <ac:chgData name="Nataly Echezuria" userId="016cf74e-e64d-40ef-b55b-1485ed1ed370" providerId="ADAL" clId="{EC78C44E-2D98-410B-9229-95C90BA223B1}" dt="2023-11-10T14:47:40.423" v="95" actId="478"/>
          <ac:spMkLst>
            <pc:docMk/>
            <pc:sldMk cId="3035780936" sldId="271"/>
            <ac:spMk id="12" creationId="{7344A956-4AC4-9D6C-FACC-B77A3EBC6D75}"/>
          </ac:spMkLst>
        </pc:spChg>
        <pc:grpChg chg="add mod">
          <ac:chgData name="Nataly Echezuria" userId="016cf74e-e64d-40ef-b55b-1485ed1ed370" providerId="ADAL" clId="{EC78C44E-2D98-410B-9229-95C90BA223B1}" dt="2023-11-10T14:47:48.912" v="98" actId="1076"/>
          <ac:grpSpMkLst>
            <pc:docMk/>
            <pc:sldMk cId="3035780936" sldId="271"/>
            <ac:grpSpMk id="9" creationId="{B14A0119-21CC-B57F-80A2-0983A52F2590}"/>
          </ac:grpSpMkLst>
        </pc:grpChg>
        <pc:picChg chg="del">
          <ac:chgData name="Nataly Echezuria" userId="016cf74e-e64d-40ef-b55b-1485ed1ed370" providerId="ADAL" clId="{EC78C44E-2D98-410B-9229-95C90BA223B1}" dt="2023-11-10T14:45:30.201" v="73" actId="478"/>
          <ac:picMkLst>
            <pc:docMk/>
            <pc:sldMk cId="3035780936" sldId="271"/>
            <ac:picMk id="4" creationId="{8AC95AD8-9286-C0B6-AB88-B0AB140824A6}"/>
          </ac:picMkLst>
        </pc:picChg>
        <pc:picChg chg="add del mod">
          <ac:chgData name="Nataly Echezuria" userId="016cf74e-e64d-40ef-b55b-1485ed1ed370" providerId="ADAL" clId="{EC78C44E-2D98-410B-9229-95C90BA223B1}" dt="2023-11-10T14:45:40.557" v="77" actId="478"/>
          <ac:picMkLst>
            <pc:docMk/>
            <pc:sldMk cId="3035780936" sldId="271"/>
            <ac:picMk id="6" creationId="{738DF4CC-A98B-5146-7980-E51369E485F6}"/>
          </ac:picMkLst>
        </pc:picChg>
        <pc:picChg chg="add mod">
          <ac:chgData name="Nataly Echezuria" userId="016cf74e-e64d-40ef-b55b-1485ed1ed370" providerId="ADAL" clId="{EC78C44E-2D98-410B-9229-95C90BA223B1}" dt="2023-11-10T14:47:18.244" v="93" actId="1076"/>
          <ac:picMkLst>
            <pc:docMk/>
            <pc:sldMk cId="3035780936" sldId="271"/>
            <ac:picMk id="8" creationId="{DFB05731-862E-3FB5-D50A-A5A256654212}"/>
          </ac:picMkLst>
        </pc:picChg>
      </pc:sldChg>
      <pc:sldChg chg="modSp mod">
        <pc:chgData name="Nataly Echezuria" userId="016cf74e-e64d-40ef-b55b-1485ed1ed370" providerId="ADAL" clId="{EC78C44E-2D98-410B-9229-95C90BA223B1}" dt="2023-11-10T14:44:37.773" v="66"/>
        <pc:sldMkLst>
          <pc:docMk/>
          <pc:sldMk cId="2589883871" sldId="273"/>
        </pc:sldMkLst>
        <pc:spChg chg="mod">
          <ac:chgData name="Nataly Echezuria" userId="016cf74e-e64d-40ef-b55b-1485ed1ed370" providerId="ADAL" clId="{EC78C44E-2D98-410B-9229-95C90BA223B1}" dt="2023-11-10T14:44:37.773" v="66"/>
          <ac:spMkLst>
            <pc:docMk/>
            <pc:sldMk cId="2589883871" sldId="273"/>
            <ac:spMk id="9" creationId="{5CDC7C4F-3928-AE9F-E231-1A7CD13D8434}"/>
          </ac:spMkLst>
        </pc:spChg>
        <pc:picChg chg="mod">
          <ac:chgData name="Nataly Echezuria" userId="016cf74e-e64d-40ef-b55b-1485ed1ed370" providerId="ADAL" clId="{EC78C44E-2D98-410B-9229-95C90BA223B1}" dt="2023-11-10T14:44:32.212" v="64"/>
          <ac:picMkLst>
            <pc:docMk/>
            <pc:sldMk cId="2589883871" sldId="273"/>
            <ac:picMk id="4" creationId="{AAB807FD-A757-2885-7094-A0B9075FE2A7}"/>
          </ac:picMkLst>
        </pc:picChg>
        <pc:picChg chg="mod">
          <ac:chgData name="Nataly Echezuria" userId="016cf74e-e64d-40ef-b55b-1485ed1ed370" providerId="ADAL" clId="{EC78C44E-2D98-410B-9229-95C90BA223B1}" dt="2023-11-10T14:44:35.048" v="65"/>
          <ac:picMkLst>
            <pc:docMk/>
            <pc:sldMk cId="2589883871" sldId="273"/>
            <ac:picMk id="10" creationId="{C7E5A338-D1B5-C8C0-854B-1945AB7D7295}"/>
          </ac:picMkLst>
        </pc:picChg>
      </pc:sldChg>
      <pc:sldChg chg="modSp add mod">
        <pc:chgData name="Nataly Echezuria" userId="016cf74e-e64d-40ef-b55b-1485ed1ed370" providerId="ADAL" clId="{EC78C44E-2D98-410B-9229-95C90BA223B1}" dt="2023-11-10T14:44:24.798" v="63"/>
        <pc:sldMkLst>
          <pc:docMk/>
          <pc:sldMk cId="847787837" sldId="274"/>
        </pc:sldMkLst>
        <pc:picChg chg="mod">
          <ac:chgData name="Nataly Echezuria" userId="016cf74e-e64d-40ef-b55b-1485ed1ed370" providerId="ADAL" clId="{EC78C44E-2D98-410B-9229-95C90BA223B1}" dt="2023-11-10T14:44:21.926" v="62"/>
          <ac:picMkLst>
            <pc:docMk/>
            <pc:sldMk cId="847787837" sldId="274"/>
            <ac:picMk id="11" creationId="{BD2A38D9-B6EB-4EA9-B10B-4EDFC5506136}"/>
          </ac:picMkLst>
        </pc:picChg>
        <pc:picChg chg="mod">
          <ac:chgData name="Nataly Echezuria" userId="016cf74e-e64d-40ef-b55b-1485ed1ed370" providerId="ADAL" clId="{EC78C44E-2D98-410B-9229-95C90BA223B1}" dt="2023-11-10T14:44:24.798" v="63"/>
          <ac:picMkLst>
            <pc:docMk/>
            <pc:sldMk cId="847787837" sldId="274"/>
            <ac:picMk id="13" creationId="{176CC98A-6E11-5AF9-5239-963BC985FF30}"/>
          </ac:picMkLst>
        </pc:picChg>
      </pc:sldChg>
      <pc:sldChg chg="new del">
        <pc:chgData name="Nataly Echezuria" userId="016cf74e-e64d-40ef-b55b-1485ed1ed370" providerId="ADAL" clId="{EC78C44E-2D98-410B-9229-95C90BA223B1}" dt="2023-11-10T14:40:49.606" v="16" actId="47"/>
        <pc:sldMkLst>
          <pc:docMk/>
          <pc:sldMk cId="2108078980" sldId="274"/>
        </pc:sldMkLst>
      </pc:sldChg>
      <pc:sldChg chg="addSp modSp add mod ord">
        <pc:chgData name="Nataly Echezuria" userId="016cf74e-e64d-40ef-b55b-1485ed1ed370" providerId="ADAL" clId="{EC78C44E-2D98-410B-9229-95C90BA223B1}" dt="2023-11-10T14:44:55.923" v="72"/>
        <pc:sldMkLst>
          <pc:docMk/>
          <pc:sldMk cId="4114933033" sldId="275"/>
        </pc:sldMkLst>
        <pc:spChg chg="add mod">
          <ac:chgData name="Nataly Echezuria" userId="016cf74e-e64d-40ef-b55b-1485ed1ed370" providerId="ADAL" clId="{EC78C44E-2D98-410B-9229-95C90BA223B1}" dt="2023-11-10T14:44:49.711" v="68"/>
          <ac:spMkLst>
            <pc:docMk/>
            <pc:sldMk cId="4114933033" sldId="275"/>
            <ac:spMk id="12" creationId="{2E4D3EC5-868D-C17D-2BBF-5CA783935AA4}"/>
          </ac:spMkLst>
        </pc:spChg>
        <pc:spChg chg="add mod">
          <ac:chgData name="Nataly Echezuria" userId="016cf74e-e64d-40ef-b55b-1485ed1ed370" providerId="ADAL" clId="{EC78C44E-2D98-410B-9229-95C90BA223B1}" dt="2023-11-10T14:44:48.894" v="67"/>
          <ac:spMkLst>
            <pc:docMk/>
            <pc:sldMk cId="4114933033" sldId="275"/>
            <ac:spMk id="13" creationId="{30E2DE65-EBE4-2806-794E-E684EDFA536F}"/>
          </ac:spMkLst>
        </pc:spChg>
        <pc:picChg chg="add mod">
          <ac:chgData name="Nataly Echezuria" userId="016cf74e-e64d-40ef-b55b-1485ed1ed370" providerId="ADAL" clId="{EC78C44E-2D98-410B-9229-95C90BA223B1}" dt="2023-11-10T14:44:50.659" v="69"/>
          <ac:picMkLst>
            <pc:docMk/>
            <pc:sldMk cId="4114933033" sldId="275"/>
            <ac:picMk id="3" creationId="{B92435BB-DFCA-3B13-81F9-FCFD31886DF0}"/>
          </ac:picMkLst>
        </pc:picChg>
        <pc:picChg chg="mod">
          <ac:chgData name="Nataly Echezuria" userId="016cf74e-e64d-40ef-b55b-1485ed1ed370" providerId="ADAL" clId="{EC78C44E-2D98-410B-9229-95C90BA223B1}" dt="2023-11-10T14:44:51.028" v="70"/>
          <ac:picMkLst>
            <pc:docMk/>
            <pc:sldMk cId="4114933033" sldId="275"/>
            <ac:picMk id="10" creationId="{C7E5A338-D1B5-C8C0-854B-1945AB7D7295}"/>
          </ac:picMkLst>
        </pc:picChg>
        <pc:picChg chg="add mod">
          <ac:chgData name="Nataly Echezuria" userId="016cf74e-e64d-40ef-b55b-1485ed1ed370" providerId="ADAL" clId="{EC78C44E-2D98-410B-9229-95C90BA223B1}" dt="2023-11-10T14:42:54.664" v="57"/>
          <ac:picMkLst>
            <pc:docMk/>
            <pc:sldMk cId="4114933033" sldId="275"/>
            <ac:picMk id="11" creationId="{152D0FA4-3C93-1539-2280-BAF2294C867A}"/>
          </ac:picMkLst>
        </pc:picChg>
      </pc:sldChg>
    </pc:docChg>
  </pc:docChgLst>
  <pc:docChgLst>
    <pc:chgData name="Francesca Pastorino" userId="S::pastorinof@iata.org::40524a23-af0d-4d61-a12a-da25e3edc12f" providerId="AD" clId="Web-{5FFC31BB-FEF3-CA90-944A-D98068011473}"/>
    <pc:docChg chg="modSld sldOrd">
      <pc:chgData name="Francesca Pastorino" userId="S::pastorinof@iata.org::40524a23-af0d-4d61-a12a-da25e3edc12f" providerId="AD" clId="Web-{5FFC31BB-FEF3-CA90-944A-D98068011473}" dt="2023-10-13T07:39:00.210" v="4"/>
      <pc:docMkLst>
        <pc:docMk/>
      </pc:docMkLst>
      <pc:sldChg chg="ord">
        <pc:chgData name="Francesca Pastorino" userId="S::pastorinof@iata.org::40524a23-af0d-4d61-a12a-da25e3edc12f" providerId="AD" clId="Web-{5FFC31BB-FEF3-CA90-944A-D98068011473}" dt="2023-10-13T07:39:00.210" v="4"/>
        <pc:sldMkLst>
          <pc:docMk/>
          <pc:sldMk cId="1842853321" sldId="270"/>
        </pc:sldMkLst>
      </pc:sldChg>
      <pc:sldChg chg="modSp">
        <pc:chgData name="Francesca Pastorino" userId="S::pastorinof@iata.org::40524a23-af0d-4d61-a12a-da25e3edc12f" providerId="AD" clId="Web-{5FFC31BB-FEF3-CA90-944A-D98068011473}" dt="2023-10-13T07:38:15.834" v="3" actId="20577"/>
        <pc:sldMkLst>
          <pc:docMk/>
          <pc:sldMk cId="2589883871" sldId="273"/>
        </pc:sldMkLst>
        <pc:spChg chg="mod">
          <ac:chgData name="Francesca Pastorino" userId="S::pastorinof@iata.org::40524a23-af0d-4d61-a12a-da25e3edc12f" providerId="AD" clId="Web-{5FFC31BB-FEF3-CA90-944A-D98068011473}" dt="2023-10-13T07:38:15.834" v="3" actId="20577"/>
          <ac:spMkLst>
            <pc:docMk/>
            <pc:sldMk cId="2589883871" sldId="273"/>
            <ac:spMk id="20" creationId="{3AEA561C-FDFF-CCBC-88F5-F891CB5B4C91}"/>
          </ac:spMkLst>
        </pc:spChg>
      </pc:sldChg>
    </pc:docChg>
  </pc:docChgLst>
  <pc:docChgLst>
    <pc:chgData name="Nataly Echezuria" userId="S::echezurian@iata.org::016cf74e-e64d-40ef-b55b-1485ed1ed370" providerId="AD" clId="Web-{58FCC70D-BE10-0B69-D270-DBCEF6FEF4F9}"/>
    <pc:docChg chg="modSld">
      <pc:chgData name="Nataly Echezuria" userId="S::echezurian@iata.org::016cf74e-e64d-40ef-b55b-1485ed1ed370" providerId="AD" clId="Web-{58FCC70D-BE10-0B69-D270-DBCEF6FEF4F9}" dt="2023-11-09T15:01:45.805" v="1" actId="20577"/>
      <pc:docMkLst>
        <pc:docMk/>
      </pc:docMkLst>
      <pc:sldChg chg="modSp">
        <pc:chgData name="Nataly Echezuria" userId="S::echezurian@iata.org::016cf74e-e64d-40ef-b55b-1485ed1ed370" providerId="AD" clId="Web-{58FCC70D-BE10-0B69-D270-DBCEF6FEF4F9}" dt="2023-11-09T15:01:45.805" v="1" actId="20577"/>
        <pc:sldMkLst>
          <pc:docMk/>
          <pc:sldMk cId="3035780936" sldId="271"/>
        </pc:sldMkLst>
        <pc:spChg chg="mod">
          <ac:chgData name="Nataly Echezuria" userId="S::echezurian@iata.org::016cf74e-e64d-40ef-b55b-1485ed1ed370" providerId="AD" clId="Web-{58FCC70D-BE10-0B69-D270-DBCEF6FEF4F9}" dt="2023-11-09T15:01:45.805" v="1" actId="20577"/>
          <ac:spMkLst>
            <pc:docMk/>
            <pc:sldMk cId="3035780936" sldId="271"/>
            <ac:spMk id="5" creationId="{8C2F15C8-4893-5703-E7FC-E8C0F7FE8EDB}"/>
          </ac:spMkLst>
        </pc:spChg>
      </pc:sldChg>
    </pc:docChg>
  </pc:docChgLst>
</pc:chgInfo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213A39E-74EA-2940-8DFD-CEDED66EE5B9}" type="datetimeFigureOut">
              <a:rPr lang="en-US" smtClean="0"/>
              <a:t>1/3/2024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E9C01CDD-EED7-6A47-8F70-0F65E6EC44B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3793762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EE4A267-1F74-D94C-986F-EC0CAE7445D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0E1BEBE1-185C-9649-8D9B-6FA1304808ED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189" indent="0" algn="ctr">
              <a:buNone/>
              <a:defRPr sz="2000"/>
            </a:lvl2pPr>
            <a:lvl3pPr marL="914377" indent="0" algn="ctr">
              <a:buNone/>
              <a:defRPr sz="1800"/>
            </a:lvl3pPr>
            <a:lvl4pPr marL="1371566" indent="0" algn="ctr">
              <a:buNone/>
              <a:defRPr sz="1600"/>
            </a:lvl4pPr>
            <a:lvl5pPr marL="1828754" indent="0" algn="ctr">
              <a:buNone/>
              <a:defRPr sz="1600"/>
            </a:lvl5pPr>
            <a:lvl6pPr marL="2285943" indent="0" algn="ctr">
              <a:buNone/>
              <a:defRPr sz="1600"/>
            </a:lvl6pPr>
            <a:lvl7pPr marL="2743131" indent="0" algn="ctr">
              <a:buNone/>
              <a:defRPr sz="1600"/>
            </a:lvl7pPr>
            <a:lvl8pPr marL="3200320" indent="0" algn="ctr">
              <a:buNone/>
              <a:defRPr sz="1600"/>
            </a:lvl8pPr>
            <a:lvl9pPr marL="3657509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CAA7A9F-5B7A-AF45-A130-80751079EC6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1/3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C48047D-868D-3C4E-A067-C30CBF44AB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FFF0B97-8E5F-8342-BF1D-EAC9DCD14B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7521932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3FE8E93-99C0-4F4C-AB37-E729171113D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CDFB1897-B888-9346-92AF-5C8F2BD9E61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F5829AB-B605-0F40-A69E-092C95D1646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1/3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C22DFD7-2EBB-1542-9872-BC75504D2B9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B105B0D-8F95-3C4D-B876-789FE7E7B7C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4938122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43E69C5F-9C73-6E4E-8B50-3FBDEC5AF49B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1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07172EEE-F983-CD47-B2CF-64B361C85BE3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1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9DE8F8A-F341-C845-95EF-C41D993CD00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1/3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2631E72-2744-964D-9031-6AF76ECDD31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B164DB0-3FA6-334B-BD52-6B7321FA29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44803941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>
                <a:solidFill>
                  <a:schemeClr val="tx1"/>
                </a:solidFill>
              </a:rPr>
              <a:t>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>
                <a:solidFill>
                  <a:schemeClr val="tx1"/>
                </a:solidFill>
              </a:rPr>
              <a:t>HEIGHT OF EVENT LOCKUP    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</a:p>
        </p:txBody>
      </p:sp>
    </p:spTree>
    <p:extLst>
      <p:ext uri="{BB962C8B-B14F-4D97-AF65-F5344CB8AC3E}">
        <p14:creationId xmlns:p14="http://schemas.microsoft.com/office/powerpoint/2010/main" val="2775133810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03/01/2024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373194436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WHITE_Title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1485900"/>
            <a:ext cx="5904000" cy="2387600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>
                <a:solidFill>
                  <a:schemeClr val="accent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965575"/>
            <a:ext cx="5904000" cy="1655762"/>
          </a:xfrm>
        </p:spPr>
        <p:txBody>
          <a:bodyPr anchor="t" anchorCtr="0"/>
          <a:lstStyle>
            <a:lvl1pPr marL="0" indent="0" algn="l">
              <a:lnSpc>
                <a:spcPts val="3400"/>
              </a:lnSpc>
              <a:spcBef>
                <a:spcPts val="0"/>
              </a:spcBef>
              <a:spcAft>
                <a:spcPts val="1400"/>
              </a:spcAft>
              <a:buNone/>
              <a:defRPr sz="32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7013E3A3-37C5-400E-905D-C7BC5CA55E5C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BEE11BD8-6580-41DD-940E-B1D1B8B2E210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D8F5EBA1-C1C2-4F6F-970D-CFE4A81E1DB0}" type="datetime3">
              <a:rPr lang="en-US" smtClean="0"/>
              <a:pPr/>
              <a:t>3 January 2024</a:t>
            </a:fld>
            <a:endParaRPr lang="en-US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897A30E8-35A3-4CE7-93BA-293D648C86FF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69738BE3-1506-4C98-A8EE-0BB4912D32CC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40223583"/>
      </p:ext>
    </p:extLst>
  </p:cSld>
  <p:clrMapOvr>
    <a:masterClrMapping/>
  </p:clrMapOvr>
  <p:transition>
    <p:fade/>
  </p:transition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WHITE_TextSlide_1-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60821CC-265E-473E-BD96-BC93B6A49D4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4C4D5EE-B9EC-4B8B-B697-CD3B955461AE}"/>
              </a:ext>
            </a:extLst>
          </p:cNvPr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Eighth level</a:t>
            </a:r>
          </a:p>
          <a:p>
            <a:pPr lvl="8"/>
            <a:r>
              <a:rPr lang="en-US"/>
              <a:t>Nin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98937FE-5C9B-40C9-8C55-48EB04CA346C}" type="datetime3">
              <a:rPr lang="en-US" smtClean="0"/>
              <a:pPr/>
              <a:t>3 January 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0D518933-C06B-479E-8487-1189C2548F67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46022265"/>
      </p:ext>
    </p:extLst>
  </p:cSld>
  <p:clrMapOvr>
    <a:masterClrMapping/>
  </p:clrMapOvr>
  <p:transition>
    <p:fade/>
  </p:transition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WHITE_TextSlide_2-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365125"/>
            <a:ext cx="11429324" cy="609398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CB9B81-F331-4A9C-BE92-11CAB2A6B4B3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676" y="1485900"/>
            <a:ext cx="5523824" cy="42672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Eighth level</a:t>
            </a:r>
          </a:p>
          <a:p>
            <a:pPr lvl="8"/>
            <a:r>
              <a:rPr lang="en-US"/>
              <a:t>Nin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6FE12FA-2958-4BD2-846B-0E828DE720B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287176" y="1485900"/>
            <a:ext cx="5523824" cy="42672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Eighth level</a:t>
            </a:r>
          </a:p>
          <a:p>
            <a:pPr lvl="8"/>
            <a:r>
              <a:rPr lang="en-US"/>
              <a:t>Nin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A5227B3-9D23-4B0B-B20D-E90AB0E09E5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97C326BA-A1F7-4E33-88FC-B76359D35FF4}" type="datetime3">
              <a:rPr lang="en-US" smtClean="0"/>
              <a:pPr/>
              <a:t>3 January 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AF83FD3-9274-482A-8C94-F5BC022606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CC19CC5-1292-4F3E-AC14-45654E8632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5B7B4106-2F1F-45B9-9A64-FAC3DF7E09F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18303317"/>
      </p:ext>
    </p:extLst>
  </p:cSld>
  <p:clrMapOvr>
    <a:masterClrMapping/>
  </p:clrMapOvr>
  <p:transition>
    <p:fade/>
  </p:transition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WHITE_Title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44D976F-6FAA-4B37-814C-E2540D4155C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F0BFC25-F2D8-40D7-96BA-C0F78F6A687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F82CEB40-7C69-47E5-9106-E566935D3F53}" type="datetime3">
              <a:rPr lang="en-US" smtClean="0"/>
              <a:pPr/>
              <a:t>3 January 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0EEA34B-ADB0-4A9B-A944-DB4F9AB7A20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72EE72B-8C4F-4C4B-8E3A-D7A4D706EB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6" name="Freeform 5">
            <a:extLst>
              <a:ext uri="{FF2B5EF4-FFF2-40B4-BE49-F238E27FC236}">
                <a16:creationId xmlns:a16="http://schemas.microsoft.com/office/drawing/2014/main" id="{9E037E20-29EF-410F-AA70-D50FAE88B30D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457804057"/>
      </p:ext>
    </p:extLst>
  </p:cSld>
  <p:clrMapOvr>
    <a:masterClrMapping/>
  </p:clrMapOvr>
  <p:transition>
    <p:fade/>
  </p:transition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WHITE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reeform 5">
            <a:extLst>
              <a:ext uri="{FF2B5EF4-FFF2-40B4-BE49-F238E27FC236}">
                <a16:creationId xmlns:a16="http://schemas.microsoft.com/office/drawing/2014/main" id="{1A86010D-9F01-497B-8478-6CF04E7FA292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358FB484-E257-4956-8FB5-C4732E10490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D8F5EBA1-C1C2-4F6F-970D-CFE4A81E1DB0}" type="datetime3">
              <a:rPr lang="en-US" smtClean="0"/>
              <a:pPr/>
              <a:t>3 January 2024</a:t>
            </a:fld>
            <a:endParaRPr lang="en-US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9AF5AAFD-95B3-4157-BBB5-7CC40DB355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BA34BD8F-0033-4927-AA44-05B0484E30F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73934967"/>
      </p:ext>
    </p:extLst>
  </p:cSld>
  <p:clrMapOvr>
    <a:masterClrMapping/>
  </p:clrMapOvr>
  <p:transition>
    <p:fade/>
  </p:transition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WHITE_ThankYou-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Picture Placeholder 16">
            <a:extLst>
              <a:ext uri="{FF2B5EF4-FFF2-40B4-BE49-F238E27FC236}">
                <a16:creationId xmlns:a16="http://schemas.microsoft.com/office/drawing/2014/main" id="{DBB8F16C-570A-470A-AC41-3DFDC1411C30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6448425" y="0"/>
            <a:ext cx="5753100" cy="5753100"/>
          </a:xfrm>
          <a:custGeom>
            <a:avLst/>
            <a:gdLst>
              <a:gd name="connsiteX0" fmla="*/ 0 w 5753100"/>
              <a:gd name="connsiteY0" fmla="*/ 0 h 5753100"/>
              <a:gd name="connsiteX1" fmla="*/ 5753100 w 5753100"/>
              <a:gd name="connsiteY1" fmla="*/ 0 h 5753100"/>
              <a:gd name="connsiteX2" fmla="*/ 5753100 w 5753100"/>
              <a:gd name="connsiteY2" fmla="*/ 5753100 h 5753100"/>
              <a:gd name="connsiteX3" fmla="*/ 5742127 w 5753100"/>
              <a:gd name="connsiteY3" fmla="*/ 5753100 h 5753100"/>
              <a:gd name="connsiteX4" fmla="*/ 4388 w 5753100"/>
              <a:gd name="connsiteY4" fmla="*/ 297076 h 5753100"/>
              <a:gd name="connsiteX5" fmla="*/ 0 w 5753100"/>
              <a:gd name="connsiteY5" fmla="*/ 123264 h 57531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5753100" h="5753100">
                <a:moveTo>
                  <a:pt x="0" y="0"/>
                </a:moveTo>
                <a:lnTo>
                  <a:pt x="5753100" y="0"/>
                </a:lnTo>
                <a:lnTo>
                  <a:pt x="5753100" y="5753100"/>
                </a:lnTo>
                <a:lnTo>
                  <a:pt x="5742127" y="5753100"/>
                </a:lnTo>
                <a:cubicBezTo>
                  <a:pt x="2667478" y="5753100"/>
                  <a:pt x="158214" y="3337026"/>
                  <a:pt x="4388" y="297076"/>
                </a:cubicBezTo>
                <a:lnTo>
                  <a:pt x="0" y="123264"/>
                </a:ln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547513D5-8313-4D89-8E49-067C97135D8A}" type="datetime3">
              <a:rPr lang="en-US" smtClean="0"/>
              <a:pPr/>
              <a:t>3 January 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587FC103-9DE1-4F89-B054-F6510798AE3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0" y="381000"/>
            <a:ext cx="4736592" cy="3048000"/>
          </a:xfrm>
        </p:spPr>
        <p:txBody>
          <a:bodyPr anchor="t" anchorCtr="0"/>
          <a:lstStyle>
            <a:lvl1pPr>
              <a:defRPr sz="5400"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thank you style</a:t>
            </a: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1455B940-1A19-45DC-8F22-530EFA8E4ADA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000" y="3429000"/>
            <a:ext cx="4736592" cy="243853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/>
              <a:t>Edit contact or sign off information</a:t>
            </a:r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0F5EA913-91DE-4286-B6E6-13E414E82212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70130942"/>
      </p:ext>
    </p:extLst>
  </p:cSld>
  <p:clrMapOvr>
    <a:masterClrMapping/>
  </p:clrMapOvr>
  <p:transition>
    <p:fade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82985F9-31B5-2540-B937-EA189AF5DA7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A3CA9B0-BBB7-6441-A559-3E340EF8670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D47C409-8C8B-6D43-99F1-CFD69ACA47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1/3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127BCF6-BAE8-774D-A156-D3DAFAB60F5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F44C072-1B3F-3A41-9084-C3E7547A904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88791259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>
  <p:cSld name="1_WHITE_TextSlide_3-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CB9B81-F331-4A9C-BE92-11CAB2A6B4B3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381675" y="1485900"/>
            <a:ext cx="3383280" cy="42672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6FE12FA-2958-4BD2-846B-0E828DE720B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4404022" y="1485900"/>
            <a:ext cx="3383280" cy="42672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A5227B3-9D23-4B0B-B20D-E90AB0E09E5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964083-8682-4D5C-A107-1853638C6A31}" type="datetime3">
              <a:rPr lang="en-US"/>
              <a:t>3 January 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AF83FD3-9274-482A-8C94-F5BC022606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CC19CC5-1292-4F3E-AC14-45654E8632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9E565A-6679-4A67-8FB7-14EA342FD6E1}" type="slidenum">
              <a:rPr lang="en-US"/>
              <a:t>‹#›</a:t>
            </a:fld>
            <a:endParaRPr lang="en-US"/>
          </a:p>
        </p:txBody>
      </p:sp>
      <p:sp>
        <p:nvSpPr>
          <p:cNvPr id="8" name="Content Placeholder 3">
            <a:extLst>
              <a:ext uri="{FF2B5EF4-FFF2-40B4-BE49-F238E27FC236}">
                <a16:creationId xmlns:a16="http://schemas.microsoft.com/office/drawing/2014/main" id="{CC9A967D-8A0B-4436-A012-333049F84F2E}"/>
              </a:ext>
            </a:extLst>
          </p:cNvPr>
          <p:cNvSpPr>
            <a:spLocks noGrp="1"/>
          </p:cNvSpPr>
          <p:nvPr>
            <p:ph sz="half" idx="13"/>
          </p:nvPr>
        </p:nvSpPr>
        <p:spPr>
          <a:xfrm>
            <a:off x="8427720" y="1485900"/>
            <a:ext cx="3383280" cy="42672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73321478"/>
      </p:ext>
    </p:extLst>
  </p:cSld>
  <p:clrMapOvr>
    <a:masterClrMapping/>
  </p:clrMapOvr>
  <p:transition>
    <p:fade/>
  </p:transition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>
                <a:solidFill>
                  <a:schemeClr val="tx1"/>
                </a:solidFill>
              </a:rPr>
              <a:t>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>
                <a:solidFill>
                  <a:schemeClr val="tx1"/>
                </a:solidFill>
              </a:rPr>
              <a:t>HEIGHT OF EVENT LOCKUP    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</a:p>
        </p:txBody>
      </p:sp>
    </p:spTree>
    <p:extLst>
      <p:ext uri="{BB962C8B-B14F-4D97-AF65-F5344CB8AC3E}">
        <p14:creationId xmlns:p14="http://schemas.microsoft.com/office/powerpoint/2010/main" val="3895379791"/>
      </p:ext>
    </p:extLst>
  </p:cSld>
  <p:clrMapOvr>
    <a:masterClrMapping/>
  </p:clrMapOvr>
  <p:transition>
    <p:fade/>
  </p:transition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03/01/2024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3771043165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EE4A267-1F74-D94C-986F-EC0CAE7445D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0E1BEBE1-185C-9649-8D9B-6FA1304808ED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189" indent="0" algn="ctr">
              <a:buNone/>
              <a:defRPr sz="2000"/>
            </a:lvl2pPr>
            <a:lvl3pPr marL="914377" indent="0" algn="ctr">
              <a:buNone/>
              <a:defRPr sz="1800"/>
            </a:lvl3pPr>
            <a:lvl4pPr marL="1371566" indent="0" algn="ctr">
              <a:buNone/>
              <a:defRPr sz="1600"/>
            </a:lvl4pPr>
            <a:lvl5pPr marL="1828754" indent="0" algn="ctr">
              <a:buNone/>
              <a:defRPr sz="1600"/>
            </a:lvl5pPr>
            <a:lvl6pPr marL="2285943" indent="0" algn="ctr">
              <a:buNone/>
              <a:defRPr sz="1600"/>
            </a:lvl6pPr>
            <a:lvl7pPr marL="2743131" indent="0" algn="ctr">
              <a:buNone/>
              <a:defRPr sz="1600"/>
            </a:lvl7pPr>
            <a:lvl8pPr marL="3200320" indent="0" algn="ctr">
              <a:buNone/>
              <a:defRPr sz="1600"/>
            </a:lvl8pPr>
            <a:lvl9pPr marL="3657509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CAA7A9F-5B7A-AF45-A130-80751079EC6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1/3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C48047D-868D-3C4E-A067-C30CBF44AB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FFF0B97-8E5F-8342-BF1D-EAC9DCD14B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516847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89FE67F-593F-EC41-8FB9-B4BB77B9718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1" y="1709740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8D1F5F7-FC2F-B04F-954D-0E410838700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1" y="4589465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189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377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566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754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5943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131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32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509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4F5C9DC-B6B9-E744-B57C-6E1CF254D89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1/3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49A2E35-DC52-AE4F-B2BE-1380251AD5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0457538-E9F9-4A4C-80C8-1B7591693D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9052915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EAA46C2-D2AC-3F4A-9152-1BBD833C79C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5BEB2B0-1F1B-544F-9AC8-CAB04FBA9B9E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968D01B-1E76-F24C-AD52-3B0280C5816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CDE5F1D-CA19-5C4E-ABEB-1BFF0AADCA0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1/3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4F2948D-B283-E44A-A733-DE041E442DB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816F90B-9FFA-284F-ADB8-6ABE41E2B4A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593120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E559F75-DA2B-234A-9C61-48B556120EC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7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EFA76B8-9A70-1349-9361-3898E632929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9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189" indent="0">
              <a:buNone/>
              <a:defRPr sz="2000" b="1"/>
            </a:lvl2pPr>
            <a:lvl3pPr marL="914377" indent="0">
              <a:buNone/>
              <a:defRPr sz="1800" b="1"/>
            </a:lvl3pPr>
            <a:lvl4pPr marL="1371566" indent="0">
              <a:buNone/>
              <a:defRPr sz="1600" b="1"/>
            </a:lvl4pPr>
            <a:lvl5pPr marL="1828754" indent="0">
              <a:buNone/>
              <a:defRPr sz="1600" b="1"/>
            </a:lvl5pPr>
            <a:lvl6pPr marL="2285943" indent="0">
              <a:buNone/>
              <a:defRPr sz="1600" b="1"/>
            </a:lvl6pPr>
            <a:lvl7pPr marL="2743131" indent="0">
              <a:buNone/>
              <a:defRPr sz="1600" b="1"/>
            </a:lvl7pPr>
            <a:lvl8pPr marL="3200320" indent="0">
              <a:buNone/>
              <a:defRPr sz="1600" b="1"/>
            </a:lvl8pPr>
            <a:lvl9pPr marL="3657509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9AA3219-9962-3E40-9B95-7C6812A76BA8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9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354D3D70-833C-804D-8186-A87B851EF541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1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189" indent="0">
              <a:buNone/>
              <a:defRPr sz="2000" b="1"/>
            </a:lvl2pPr>
            <a:lvl3pPr marL="914377" indent="0">
              <a:buNone/>
              <a:defRPr sz="1800" b="1"/>
            </a:lvl3pPr>
            <a:lvl4pPr marL="1371566" indent="0">
              <a:buNone/>
              <a:defRPr sz="1600" b="1"/>
            </a:lvl4pPr>
            <a:lvl5pPr marL="1828754" indent="0">
              <a:buNone/>
              <a:defRPr sz="1600" b="1"/>
            </a:lvl5pPr>
            <a:lvl6pPr marL="2285943" indent="0">
              <a:buNone/>
              <a:defRPr sz="1600" b="1"/>
            </a:lvl6pPr>
            <a:lvl7pPr marL="2743131" indent="0">
              <a:buNone/>
              <a:defRPr sz="1600" b="1"/>
            </a:lvl7pPr>
            <a:lvl8pPr marL="3200320" indent="0">
              <a:buNone/>
              <a:defRPr sz="1600" b="1"/>
            </a:lvl8pPr>
            <a:lvl9pPr marL="3657509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95109F6-B728-A44D-8866-45C5DE5B4B9E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1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17EA5748-FCFD-1946-86B9-EFA453CBD99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1/3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9AD07FCD-BE1A-EF46-BADD-202B0CAC6B2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4DF02895-6A96-1141-B139-B281BD07BB5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6535570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6F7D82C-779A-3441-A481-F4CEA93CBDB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5E93E3AB-D40D-DC40-B83D-781475DA9A3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1/3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ACBA22AC-71E9-1F43-9171-E51EA1A690B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57691AC-9D3D-564D-BB81-A0C52F672E7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8862626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49FE447-058A-B74D-ACD9-4CE8A439F54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1/3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63E819E-20ED-D844-9FC9-5E5BBF2C3FA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734871E-3217-2B40-9D4B-E4008C76F04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273086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39C92B6-598D-AC43-A015-04EE99F60C1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580D2CA-D26E-6544-A28C-B5D3935D325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7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95C80F2-4EB1-B84D-8A93-3719CE2B703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189" indent="0">
              <a:buNone/>
              <a:defRPr sz="1400"/>
            </a:lvl2pPr>
            <a:lvl3pPr marL="914377" indent="0">
              <a:buNone/>
              <a:defRPr sz="1200"/>
            </a:lvl3pPr>
            <a:lvl4pPr marL="1371566" indent="0">
              <a:buNone/>
              <a:defRPr sz="1000"/>
            </a:lvl4pPr>
            <a:lvl5pPr marL="1828754" indent="0">
              <a:buNone/>
              <a:defRPr sz="1000"/>
            </a:lvl5pPr>
            <a:lvl6pPr marL="2285943" indent="0">
              <a:buNone/>
              <a:defRPr sz="1000"/>
            </a:lvl6pPr>
            <a:lvl7pPr marL="2743131" indent="0">
              <a:buNone/>
              <a:defRPr sz="1000"/>
            </a:lvl7pPr>
            <a:lvl8pPr marL="3200320" indent="0">
              <a:buNone/>
              <a:defRPr sz="1000"/>
            </a:lvl8pPr>
            <a:lvl9pPr marL="3657509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345085C-D62B-414B-A689-AF4CBCE09DF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1/3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5F7F2E5-9B87-044B-9073-49B20FEA553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CD94D1C-5337-1345-8A82-5B44A2D6A04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537899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0CEF8FB-957A-524C-847C-3BCB1CA0498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B401AD8C-1A85-6844-99D4-7AAAC525453E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7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189" indent="0">
              <a:buNone/>
              <a:defRPr sz="2800"/>
            </a:lvl2pPr>
            <a:lvl3pPr marL="914377" indent="0">
              <a:buNone/>
              <a:defRPr sz="2400"/>
            </a:lvl3pPr>
            <a:lvl4pPr marL="1371566" indent="0">
              <a:buNone/>
              <a:defRPr sz="2000"/>
            </a:lvl4pPr>
            <a:lvl5pPr marL="1828754" indent="0">
              <a:buNone/>
              <a:defRPr sz="2000"/>
            </a:lvl5pPr>
            <a:lvl6pPr marL="2285943" indent="0">
              <a:buNone/>
              <a:defRPr sz="2000"/>
            </a:lvl6pPr>
            <a:lvl7pPr marL="2743131" indent="0">
              <a:buNone/>
              <a:defRPr sz="2000"/>
            </a:lvl7pPr>
            <a:lvl8pPr marL="3200320" indent="0">
              <a:buNone/>
              <a:defRPr sz="2000"/>
            </a:lvl8pPr>
            <a:lvl9pPr marL="3657509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4576A07-30D2-0642-B2B5-D7C9E472739F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189" indent="0">
              <a:buNone/>
              <a:defRPr sz="1400"/>
            </a:lvl2pPr>
            <a:lvl3pPr marL="914377" indent="0">
              <a:buNone/>
              <a:defRPr sz="1200"/>
            </a:lvl3pPr>
            <a:lvl4pPr marL="1371566" indent="0">
              <a:buNone/>
              <a:defRPr sz="1000"/>
            </a:lvl4pPr>
            <a:lvl5pPr marL="1828754" indent="0">
              <a:buNone/>
              <a:defRPr sz="1000"/>
            </a:lvl5pPr>
            <a:lvl6pPr marL="2285943" indent="0">
              <a:buNone/>
              <a:defRPr sz="1000"/>
            </a:lvl6pPr>
            <a:lvl7pPr marL="2743131" indent="0">
              <a:buNone/>
              <a:defRPr sz="1000"/>
            </a:lvl7pPr>
            <a:lvl8pPr marL="3200320" indent="0">
              <a:buNone/>
              <a:defRPr sz="1000"/>
            </a:lvl8pPr>
            <a:lvl9pPr marL="3657509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C58B9AD-3990-D242-A1A7-516C82C7BE0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1/3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E98F2C8-3C11-D846-897B-54027748633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2B4597D-B6BA-C244-BEBC-0D047A89B7F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400210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1.xml"/><Relationship Id="rId3" Type="http://schemas.openxmlformats.org/officeDocument/2006/relationships/slideLayout" Target="../slideLayouts/slideLayout16.xml"/><Relationship Id="rId7" Type="http://schemas.openxmlformats.org/officeDocument/2006/relationships/slideLayout" Target="../slideLayouts/slideLayout20.xml"/><Relationship Id="rId2" Type="http://schemas.openxmlformats.org/officeDocument/2006/relationships/slideLayout" Target="../slideLayouts/slideLayout15.xml"/><Relationship Id="rId1" Type="http://schemas.openxmlformats.org/officeDocument/2006/relationships/slideLayout" Target="../slideLayouts/slideLayout14.xml"/><Relationship Id="rId6" Type="http://schemas.openxmlformats.org/officeDocument/2006/relationships/slideLayout" Target="../slideLayouts/slideLayout19.xml"/><Relationship Id="rId11" Type="http://schemas.openxmlformats.org/officeDocument/2006/relationships/theme" Target="../theme/theme2.xml"/><Relationship Id="rId5" Type="http://schemas.openxmlformats.org/officeDocument/2006/relationships/slideLayout" Target="../slideLayouts/slideLayout18.xml"/><Relationship Id="rId10" Type="http://schemas.openxmlformats.org/officeDocument/2006/relationships/slideLayout" Target="../slideLayouts/slideLayout23.xml"/><Relationship Id="rId4" Type="http://schemas.openxmlformats.org/officeDocument/2006/relationships/slideLayout" Target="../slideLayouts/slideLayout17.xml"/><Relationship Id="rId9" Type="http://schemas.openxmlformats.org/officeDocument/2006/relationships/slideLayout" Target="../slideLayouts/slideLayout2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8A35A0B9-3AAB-C54E-9711-C32748F2940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7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5818C2A-84AE-0349-8EBF-E96AAA33A99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F5906F8-31E9-0C45-B971-D604C18EA59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B8E84AD-91E6-3640-8455-81BD6F308BB0}" type="datetimeFigureOut">
              <a:rPr lang="en-US" smtClean="0"/>
              <a:t>1/3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9C46DBB-A29C-3946-A68B-63DCA80A084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2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2266EA6-526D-6E40-AC1A-335523FF336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7031804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</p:sldLayoutIdLst>
  <p:txStyles>
    <p:titleStyle>
      <a:lvl1pPr algn="l" defTabSz="914377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594" indent="-228594" algn="l" defTabSz="914377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783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2971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160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349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537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726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914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103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B71DE7C4-EADF-49A5-94C9-295DA7102A3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015A1F1-8128-4C7E-90C2-0A9DA95A353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80999" y="1485900"/>
            <a:ext cx="11429325" cy="42672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B5D38B6-3878-4DD8-B8F9-92C491ABF8F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400">
                <a:solidFill>
                  <a:schemeClr val="accent1"/>
                </a:solidFill>
              </a:defRPr>
            </a:lvl1pPr>
          </a:lstStyle>
          <a:p>
            <a:fld id="{D8F5EBA1-C1C2-4F6F-970D-CFE4A81E1DB0}" type="datetime3">
              <a:rPr lang="en-US" smtClean="0"/>
              <a:pPr/>
              <a:t>3 January 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7054503-8F56-486A-BEEB-415EA4A643B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400"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C259C21-CE9A-4D3A-AB80-ABF8F4D8A7F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381000" y="6162324"/>
            <a:ext cx="457200" cy="365125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400"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8463561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3" r:id="rId1"/>
    <p:sldLayoutId id="2147483664" r:id="rId2"/>
    <p:sldLayoutId id="2147483665" r:id="rId3"/>
    <p:sldLayoutId id="2147483666" r:id="rId4"/>
    <p:sldLayoutId id="2147483667" r:id="rId5"/>
    <p:sldLayoutId id="2147483668" r:id="rId6"/>
    <p:sldLayoutId id="2147483669" r:id="rId7"/>
    <p:sldLayoutId id="2147483670" r:id="rId8"/>
    <p:sldLayoutId id="2147483671" r:id="rId9"/>
    <p:sldLayoutId id="2147483672" r:id="rId10"/>
  </p:sldLayoutIdLst>
  <p:transition>
    <p:fade/>
  </p:transition>
  <p:hf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accent1"/>
          </a:solidFill>
          <a:latin typeface="+mn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None/>
        <a:defRPr sz="2600" kern="1200">
          <a:solidFill>
            <a:schemeClr val="tx1"/>
          </a:solidFill>
          <a:latin typeface="+mn-lt"/>
          <a:ea typeface="+mn-ea"/>
          <a:cs typeface="+mn-cs"/>
        </a:defRPr>
      </a:lvl1pPr>
      <a:lvl2pPr marL="51435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798513" indent="-228600" algn="l" defTabSz="914400" rtl="0" eaLnBrk="1" latinLnBrk="0" hangingPunct="1">
        <a:lnSpc>
          <a:spcPct val="90000"/>
        </a:lnSpc>
        <a:spcBef>
          <a:spcPts val="500"/>
        </a:spcBef>
        <a:buFont typeface="Aktiv Grotesk Medium" panose="020B0504020202020204" pitchFamily="34" charset="0"/>
        <a:buChar char="–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201738" indent="-228600" algn="l" defTabSz="914400" rtl="0" eaLnBrk="1" latinLnBrk="0" hangingPunct="1">
        <a:lnSpc>
          <a:spcPct val="90000"/>
        </a:lnSpc>
        <a:spcBef>
          <a:spcPts val="500"/>
        </a:spcBef>
        <a:buFont typeface="Aktiv Grotesk Medium" panose="020B0504020202020204" pitchFamily="34" charset="0"/>
        <a:buChar char="▪"/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5pPr>
      <a:lvl6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6pPr>
      <a:lvl7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7pPr>
      <a:lvl8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8pPr>
      <a:lvl9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>
          <p15:clr>
            <a:srgbClr val="F26B43"/>
          </p15:clr>
        </p15:guide>
        <p15:guide id="2" pos="3840">
          <p15:clr>
            <a:srgbClr val="F26B43"/>
          </p15:clr>
        </p15:guide>
        <p15:guide id="3" orient="horz" pos="240">
          <p15:clr>
            <a:srgbClr val="5ACBF0"/>
          </p15:clr>
        </p15:guide>
        <p15:guide id="4" pos="240">
          <p15:clr>
            <a:srgbClr val="5ACBF0"/>
          </p15:clr>
        </p15:guide>
        <p15:guide id="5" pos="7440">
          <p15:clr>
            <a:srgbClr val="5ACBF0"/>
          </p15:clr>
        </p15:guide>
        <p15:guide id="6" pos="3720">
          <p15:clr>
            <a:srgbClr val="5ACBF0"/>
          </p15:clr>
        </p15:guide>
        <p15:guide id="7" pos="3960">
          <p15:clr>
            <a:srgbClr val="5ACBF0"/>
          </p15:clr>
        </p15:guide>
        <p15:guide id="8" orient="horz" pos="528">
          <p15:clr>
            <a:srgbClr val="5ACBF0"/>
          </p15:clr>
        </p15:guide>
        <p15:guide id="9" orient="horz" pos="936">
          <p15:clr>
            <a:srgbClr val="5ACBF0"/>
          </p15:clr>
        </p15:guide>
        <p15:guide id="10" orient="horz" pos="3624">
          <p15:clr>
            <a:srgbClr val="5ACBF0"/>
          </p15:clr>
        </p15:guide>
        <p15:guide id="11" orient="horz" pos="4080">
          <p15:clr>
            <a:srgbClr val="5ACBF0"/>
          </p15:clr>
        </p15:guide>
        <p15:guide id="12" orient="horz" pos="1200">
          <p15:clr>
            <a:srgbClr val="5ACBF0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image" Target="../media/image4.png"/><Relationship Id="rId3" Type="http://schemas.openxmlformats.org/officeDocument/2006/relationships/tags" Target="../tags/tag3.xml"/><Relationship Id="rId7" Type="http://schemas.openxmlformats.org/officeDocument/2006/relationships/image" Target="../media/image3.png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image" Target="../media/image2.png"/><Relationship Id="rId5" Type="http://schemas.openxmlformats.org/officeDocument/2006/relationships/image" Target="../media/image1.jpeg"/><Relationship Id="rId4" Type="http://schemas.openxmlformats.org/officeDocument/2006/relationships/slideLayout" Target="../slideLayouts/slideLayout12.xml"/><Relationship Id="rId9" Type="http://schemas.openxmlformats.org/officeDocument/2006/relationships/image" Target="../media/image5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hyperlink" Target="https://www.iata.org/en/events/all/wcs/" TargetMode="External"/><Relationship Id="rId1" Type="http://schemas.openxmlformats.org/officeDocument/2006/relationships/slideLayout" Target="../slideLayouts/slideLayout18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3.xml"/><Relationship Id="rId7" Type="http://schemas.openxmlformats.org/officeDocument/2006/relationships/image" Target="../media/image5.png"/><Relationship Id="rId2" Type="http://schemas.openxmlformats.org/officeDocument/2006/relationships/tags" Target="../tags/tag5.xml"/><Relationship Id="rId1" Type="http://schemas.openxmlformats.org/officeDocument/2006/relationships/tags" Target="../tags/tag4.xml"/><Relationship Id="rId6" Type="http://schemas.openxmlformats.org/officeDocument/2006/relationships/image" Target="../media/image4.png"/><Relationship Id="rId5" Type="http://schemas.openxmlformats.org/officeDocument/2006/relationships/image" Target="../media/image2.png"/><Relationship Id="rId4" Type="http://schemas.openxmlformats.org/officeDocument/2006/relationships/image" Target="../media/image1.jpe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.xml"/><Relationship Id="rId7" Type="http://schemas.openxmlformats.org/officeDocument/2006/relationships/image" Target="../media/image5.png"/><Relationship Id="rId2" Type="http://schemas.openxmlformats.org/officeDocument/2006/relationships/tags" Target="../tags/tag7.xml"/><Relationship Id="rId1" Type="http://schemas.openxmlformats.org/officeDocument/2006/relationships/tags" Target="../tags/tag6.xml"/><Relationship Id="rId6" Type="http://schemas.openxmlformats.org/officeDocument/2006/relationships/image" Target="../media/image4.png"/><Relationship Id="rId5" Type="http://schemas.openxmlformats.org/officeDocument/2006/relationships/image" Target="../media/image2.png"/><Relationship Id="rId4" Type="http://schemas.openxmlformats.org/officeDocument/2006/relationships/image" Target="../media/image1.jpe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E8DCC5DB-A901-36BA-23B9-F78295C84A00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>
            <p:custDataLst>
              <p:tags r:id="rId2"/>
            </p:custDataLst>
          </p:nvPr>
        </p:nvPicPr>
        <p:blipFill rotWithShape="1">
          <a:blip r:embed="rId5"/>
          <a:srcRect r="8309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8" name="Gradient 3">
            <a:extLst>
              <a:ext uri="{FF2B5EF4-FFF2-40B4-BE49-F238E27FC236}">
                <a16:creationId xmlns:a16="http://schemas.microsoft.com/office/drawing/2014/main" id="{183B3A07-24CC-C1F5-2CE0-970547FA5B6F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-1" y="0"/>
            <a:ext cx="12190591" cy="6858000"/>
          </a:xfrm>
          <a:prstGeom prst="rect">
            <a:avLst/>
          </a:prstGeom>
          <a:gradFill flip="none" rotWithShape="1">
            <a:gsLst>
              <a:gs pos="22000">
                <a:schemeClr val="tx1">
                  <a:alpha val="40000"/>
                </a:schemeClr>
              </a:gs>
              <a:gs pos="41000">
                <a:schemeClr val="tx1">
                  <a:alpha val="0"/>
                </a:schemeClr>
              </a:gs>
            </a:gsLst>
            <a:lin ang="27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144"/>
          </a:p>
        </p:txBody>
      </p:sp>
      <p:sp>
        <p:nvSpPr>
          <p:cNvPr id="10" name="Gradient 2">
            <a:extLst>
              <a:ext uri="{FF2B5EF4-FFF2-40B4-BE49-F238E27FC236}">
                <a16:creationId xmlns:a16="http://schemas.microsoft.com/office/drawing/2014/main" id="{1AD3E06A-283C-F4B1-4B61-284D1AD63208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-1409" y="0"/>
            <a:ext cx="12192000" cy="6858000"/>
          </a:xfrm>
          <a:prstGeom prst="rect">
            <a:avLst/>
          </a:prstGeom>
          <a:gradFill flip="none" rotWithShape="1">
            <a:gsLst>
              <a:gs pos="11000">
                <a:schemeClr val="tx1">
                  <a:alpha val="30000"/>
                </a:schemeClr>
              </a:gs>
              <a:gs pos="44000">
                <a:schemeClr val="tx1">
                  <a:alpha val="0"/>
                </a:schemeClr>
              </a:gs>
            </a:gsLst>
            <a:lin ang="162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144"/>
          </a:p>
        </p:txBody>
      </p:sp>
      <p:sp>
        <p:nvSpPr>
          <p:cNvPr id="11" name="Gradient 1">
            <a:extLst>
              <a:ext uri="{FF2B5EF4-FFF2-40B4-BE49-F238E27FC236}">
                <a16:creationId xmlns:a16="http://schemas.microsoft.com/office/drawing/2014/main" id="{6100609D-04CF-1B28-2856-83B84D3B7C11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0" y="0"/>
            <a:ext cx="12192001" cy="6858000"/>
          </a:xfrm>
          <a:prstGeom prst="rect">
            <a:avLst/>
          </a:prstGeom>
          <a:gradFill flip="none" rotWithShape="1">
            <a:gsLst>
              <a:gs pos="18000">
                <a:schemeClr val="tx1">
                  <a:alpha val="30000"/>
                </a:schemeClr>
              </a:gs>
              <a:gs pos="56000">
                <a:schemeClr val="tx1">
                  <a:alpha val="0"/>
                </a:schemeClr>
              </a:gs>
            </a:gsLst>
            <a:lin ang="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144"/>
          </a:p>
        </p:txBody>
      </p:sp>
      <p:sp>
        <p:nvSpPr>
          <p:cNvPr id="2" name="Title 29">
            <a:extLst>
              <a:ext uri="{FF2B5EF4-FFF2-40B4-BE49-F238E27FC236}">
                <a16:creationId xmlns:a16="http://schemas.microsoft.com/office/drawing/2014/main" id="{86BBEA38-D4EA-354A-C0A7-F4FF3D9D75D3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/>
          <a:lstStyle/>
          <a:p>
            <a:r>
              <a:rPr lang="en-US"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Promotional Kit</a:t>
            </a:r>
          </a:p>
        </p:txBody>
      </p:sp>
      <p:sp>
        <p:nvSpPr>
          <p:cNvPr id="13" name="Location, Dates">
            <a:extLst>
              <a:ext uri="{FF2B5EF4-FFF2-40B4-BE49-F238E27FC236}">
                <a16:creationId xmlns:a16="http://schemas.microsoft.com/office/drawing/2014/main" id="{0ECB4A5E-327D-B54C-56DF-2FD2060E075F}"/>
              </a:ext>
            </a:extLst>
          </p:cNvPr>
          <p:cNvSpPr txBox="1"/>
          <p:nvPr/>
        </p:nvSpPr>
        <p:spPr>
          <a:xfrm>
            <a:off x="381000" y="3108842"/>
            <a:ext cx="5009707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b="1">
                <a:solidFill>
                  <a:schemeClr val="bg1"/>
                </a:solidFill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Hong Kong (SAR), China</a:t>
            </a:r>
          </a:p>
          <a:p>
            <a:r>
              <a:rPr lang="en-US" sz="2400" b="1">
                <a:solidFill>
                  <a:schemeClr val="bg1"/>
                </a:solidFill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12 - 14 March 2024</a:t>
            </a:r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8E99926D-0CEA-ED9A-56C8-2502B425E663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 rotWithShape="1">
          <a:blip r:embed="rId6"/>
          <a:srcRect/>
          <a:stretch/>
        </p:blipFill>
        <p:spPr>
          <a:xfrm>
            <a:off x="381000" y="370194"/>
            <a:ext cx="2917838" cy="2350750"/>
          </a:xfrm>
          <a:prstGeom prst="rect">
            <a:avLst/>
          </a:prstGeom>
        </p:spPr>
      </p:pic>
      <p:sp>
        <p:nvSpPr>
          <p:cNvPr id="17" name="Footer Placeholder 28">
            <a:extLst>
              <a:ext uri="{FF2B5EF4-FFF2-40B4-BE49-F238E27FC236}">
                <a16:creationId xmlns:a16="http://schemas.microsoft.com/office/drawing/2014/main" id="{D465639F-9275-2E8A-9EF1-40A3FCA9F8A1}"/>
              </a:ext>
            </a:extLst>
          </p:cNvPr>
          <p:cNvSpPr txBox="1">
            <a:spLocks/>
          </p:cNvSpPr>
          <p:nvPr/>
        </p:nvSpPr>
        <p:spPr>
          <a:xfrm>
            <a:off x="525137" y="6162324"/>
            <a:ext cx="4950130" cy="365125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400">
                <a:solidFill>
                  <a:prstClr val="white"/>
                </a:solidFill>
                <a:latin typeface="Aktiv Grotesk"/>
              </a:rPr>
              <a:t>#IATAWCS</a:t>
            </a:r>
          </a:p>
        </p:txBody>
      </p:sp>
      <p:pic>
        <p:nvPicPr>
          <p:cNvPr id="1030" name="Picture 6" descr="A white logo with black background&#10;&#10;Description automatically generated" hidden="1">
            <a:extLst>
              <a:ext uri="{FF2B5EF4-FFF2-40B4-BE49-F238E27FC236}">
                <a16:creationId xmlns:a16="http://schemas.microsoft.com/office/drawing/2014/main" id="{997B0F9D-5D35-C069-3E23-A2C625ADEAD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222459" y="5448665"/>
            <a:ext cx="1692290" cy="93944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6" name="Freeform 5">
            <a:extLst>
              <a:ext uri="{FF2B5EF4-FFF2-40B4-BE49-F238E27FC236}">
                <a16:creationId xmlns:a16="http://schemas.microsoft.com/office/drawing/2014/main" id="{59F59A3D-CED1-4ADF-2CF9-425CD009A47F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10335856" y="5603165"/>
            <a:ext cx="1253427" cy="78494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sz="1645"/>
          </a:p>
        </p:txBody>
      </p:sp>
      <p:sp>
        <p:nvSpPr>
          <p:cNvPr id="18" name="Text Placeholder 11">
            <a:extLst>
              <a:ext uri="{FF2B5EF4-FFF2-40B4-BE49-F238E27FC236}">
                <a16:creationId xmlns:a16="http://schemas.microsoft.com/office/drawing/2014/main" id="{458F7D6E-8846-A630-F0B1-EDE702ABDDDB}"/>
              </a:ext>
            </a:extLst>
          </p:cNvPr>
          <p:cNvSpPr txBox="1">
            <a:spLocks/>
          </p:cNvSpPr>
          <p:nvPr/>
        </p:nvSpPr>
        <p:spPr>
          <a:xfrm>
            <a:off x="6165206" y="5482108"/>
            <a:ext cx="1692290" cy="222449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28575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0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98513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–"/>
              <a:defRPr sz="10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1738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▪"/>
              <a:defRPr sz="10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05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9pPr>
          </a:lstStyle>
          <a:p>
            <a:r>
              <a:rPr lang="en-US"/>
              <a:t>Host Airline</a:t>
            </a:r>
          </a:p>
        </p:txBody>
      </p:sp>
      <p:sp>
        <p:nvSpPr>
          <p:cNvPr id="21" name="Text Placeholder 11" hidden="1">
            <a:extLst>
              <a:ext uri="{FF2B5EF4-FFF2-40B4-BE49-F238E27FC236}">
                <a16:creationId xmlns:a16="http://schemas.microsoft.com/office/drawing/2014/main" id="{AD247AD8-5626-FADC-A2F3-88265A78BC05}"/>
              </a:ext>
            </a:extLst>
          </p:cNvPr>
          <p:cNvSpPr txBox="1">
            <a:spLocks/>
          </p:cNvSpPr>
          <p:nvPr/>
        </p:nvSpPr>
        <p:spPr>
          <a:xfrm>
            <a:off x="8222459" y="5228170"/>
            <a:ext cx="1692290" cy="222449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28575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0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98513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–"/>
              <a:defRPr sz="10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1738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▪"/>
              <a:defRPr sz="10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05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9pPr>
          </a:lstStyle>
          <a:p>
            <a:r>
              <a:rPr lang="en-US"/>
              <a:t>Host Airport</a:t>
            </a:r>
          </a:p>
        </p:txBody>
      </p:sp>
      <p:pic>
        <p:nvPicPr>
          <p:cNvPr id="2050" name="Picture 2" descr="A picture containing graphical user interface&#10;&#10;Description automatically generated">
            <a:extLst>
              <a:ext uri="{FF2B5EF4-FFF2-40B4-BE49-F238E27FC236}">
                <a16:creationId xmlns:a16="http://schemas.microsoft.com/office/drawing/2014/main" id="{650A1099-C060-6D63-4B12-48E95FC5CF7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685631" y="5741956"/>
            <a:ext cx="2676525" cy="6096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1" name="Picture 3" descr="A white logo with black background&#10;&#10;Description automatically generated">
            <a:extLst>
              <a:ext uri="{FF2B5EF4-FFF2-40B4-BE49-F238E27FC236}">
                <a16:creationId xmlns:a16="http://schemas.microsoft.com/office/drawing/2014/main" id="{3CAE5A77-1286-AA47-D19B-108D86919EF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612981" y="5765404"/>
            <a:ext cx="1609725" cy="8858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Text Placeholder 11">
            <a:extLst>
              <a:ext uri="{FF2B5EF4-FFF2-40B4-BE49-F238E27FC236}">
                <a16:creationId xmlns:a16="http://schemas.microsoft.com/office/drawing/2014/main" id="{1F5A00B9-81A7-9B05-CA1D-6F1B006788DA}"/>
              </a:ext>
            </a:extLst>
          </p:cNvPr>
          <p:cNvSpPr txBox="1">
            <a:spLocks/>
          </p:cNvSpPr>
          <p:nvPr/>
        </p:nvSpPr>
        <p:spPr>
          <a:xfrm>
            <a:off x="8502861" y="5470782"/>
            <a:ext cx="1692290" cy="222449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28575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0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98513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–"/>
              <a:defRPr sz="10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1738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▪"/>
              <a:defRPr sz="10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05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9pPr>
          </a:lstStyle>
          <a:p>
            <a:r>
              <a:rPr lang="en-US"/>
              <a:t>Host Airpor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4593191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ZoneTexte 4">
            <a:extLst>
              <a:ext uri="{FF2B5EF4-FFF2-40B4-BE49-F238E27FC236}">
                <a16:creationId xmlns:a16="http://schemas.microsoft.com/office/drawing/2014/main" id="{8C2F15C8-4893-5703-E7FC-E8C0F7FE8EDB}"/>
              </a:ext>
            </a:extLst>
          </p:cNvPr>
          <p:cNvSpPr txBox="1"/>
          <p:nvPr/>
        </p:nvSpPr>
        <p:spPr>
          <a:xfrm>
            <a:off x="381000" y="1384145"/>
            <a:ext cx="11214678" cy="1721690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Aktiv Grotesk XBold" panose="020B0804020202020204" pitchFamily="34" charset="-78"/>
              </a:rPr>
              <a:t>Customize your own banner </a:t>
            </a:r>
            <a:r>
              <a:rPr kumimoji="0" lang="en-US" sz="1600" b="1" i="0" u="none" strike="noStrike" kern="1200" cap="none" spc="0" normalizeH="0" baseline="0" noProof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to promote your participation at the WCS!</a:t>
            </a: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srgbClr val="3333FF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 XBold" panose="020B0804020202020204" pitchFamily="34" charset="-78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1:</a:t>
            </a:r>
            <a:r>
              <a:rPr kumimoji="0" lang="en-US" sz="14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In the next slide click </a:t>
            </a:r>
            <a:r>
              <a:rPr kumimoji="0" lang="en-US" sz="1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in the circle to insert your profile picture</a:t>
            </a:r>
            <a:endParaRPr lang="en-US" sz="14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2:</a:t>
            </a:r>
            <a:r>
              <a:rPr kumimoji="0" lang="en-US" sz="14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Enter a message of your choice in the box</a:t>
            </a:r>
            <a:endParaRPr lang="en-US" sz="14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  <a:defRPr/>
            </a:pPr>
            <a:r>
              <a:rPr kumimoji="0" lang="en-US" sz="14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3: </a:t>
            </a:r>
            <a:r>
              <a:rPr kumimoji="0" lang="en-US" sz="1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Select all the items on the slide (CTRL+A), click right and hit “Save as picture”</a:t>
            </a:r>
            <a:r>
              <a:rPr lang="en-US" sz="1400">
                <a:solidFill>
                  <a:prstClr val="black"/>
                </a:solidFill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 </a:t>
            </a:r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>
              <a:lnSpc>
                <a:spcPct val="150000"/>
              </a:lnSpc>
              <a:defRPr/>
            </a:pPr>
            <a:r>
              <a:rPr kumimoji="0" lang="en-US" sz="1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Your banner is ready to use. </a:t>
            </a:r>
            <a:r>
              <a:rPr kumimoji="0" lang="en-US" sz="14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Make sure to include the link to the </a:t>
            </a:r>
            <a:r>
              <a:rPr kumimoji="0" lang="en-US" sz="14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  <a:hlinkClick r:id="rId2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WCS website</a:t>
            </a:r>
            <a:r>
              <a:rPr kumimoji="0" lang="en-US" sz="1400" b="1" i="0" u="none" strike="noStrike" kern="1200" cap="none" spc="0" normalizeH="0" baseline="0" noProof="0">
                <a:ln>
                  <a:noFill/>
                </a:ln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!</a:t>
            </a:r>
            <a:r>
              <a:rPr lang="en-US" sz="1400" b="1"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 </a:t>
            </a:r>
            <a:endParaRPr kumimoji="0" lang="en-US" sz="1400" b="1" i="0" u="none" strike="noStrike" kern="1200" cap="none" spc="0" normalizeH="0" baseline="0" noProof="0">
              <a:ln>
                <a:noFill/>
              </a:ln>
              <a:effectLst/>
              <a:uLnTx/>
              <a:uFillTx/>
              <a:latin typeface="Aktiv Grotesk"/>
              <a:ea typeface="Aktiv Grotesk"/>
              <a:cs typeface="Aktiv Grotesk"/>
            </a:endParaRP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81AC7058-B3A9-4B5B-2A01-07F0A404A047}"/>
              </a:ext>
            </a:extLst>
          </p:cNvPr>
          <p:cNvSpPr txBox="1">
            <a:spLocks/>
          </p:cNvSpPr>
          <p:nvPr/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accent1"/>
                </a:solidFill>
                <a:latin typeface="+mn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400" b="0" i="0" u="none" strike="noStrike" kern="1200" cap="none" spc="0" normalizeH="0" baseline="0" noProof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j-ea"/>
                <a:cs typeface="+mj-cs"/>
              </a:rPr>
              <a:t>Event Promotion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7AFA15E1-F4BC-8D76-CF2E-01F2DB39CD0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405973" y="3148843"/>
            <a:ext cx="5952727" cy="33440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35780936"/>
      </p:ext>
    </p:extLst>
  </p:cSld>
  <p:clrMapOvr>
    <a:masterClrMapping/>
  </p:clrMapOvr>
  <p:transition>
    <p:fade/>
  </p:transition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FC76647C-B0EC-814A-FAF9-D4C3FC17E70C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>
            <p:custDataLst>
              <p:tags r:id="rId1"/>
            </p:custDataLst>
          </p:nvPr>
        </p:nvPicPr>
        <p:blipFill rotWithShape="1">
          <a:blip r:embed="rId4"/>
          <a:srcRect r="8309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8" name="Gradient 3">
            <a:extLst>
              <a:ext uri="{FF2B5EF4-FFF2-40B4-BE49-F238E27FC236}">
                <a16:creationId xmlns:a16="http://schemas.microsoft.com/office/drawing/2014/main" id="{4196606E-169E-6690-0E1C-F34ECE029392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-1" y="0"/>
            <a:ext cx="12190591" cy="6858000"/>
          </a:xfrm>
          <a:prstGeom prst="rect">
            <a:avLst/>
          </a:prstGeom>
          <a:gradFill flip="none" rotWithShape="1">
            <a:gsLst>
              <a:gs pos="22000">
                <a:schemeClr val="tx1">
                  <a:alpha val="40000"/>
                </a:schemeClr>
              </a:gs>
              <a:gs pos="41000">
                <a:schemeClr val="tx1">
                  <a:alpha val="0"/>
                </a:schemeClr>
              </a:gs>
            </a:gsLst>
            <a:lin ang="27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144"/>
          </a:p>
        </p:txBody>
      </p:sp>
      <p:sp>
        <p:nvSpPr>
          <p:cNvPr id="9" name="Gradient 2">
            <a:extLst>
              <a:ext uri="{FF2B5EF4-FFF2-40B4-BE49-F238E27FC236}">
                <a16:creationId xmlns:a16="http://schemas.microsoft.com/office/drawing/2014/main" id="{E28A85AC-7368-3C1B-B463-7638EA9FE35A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-1409" y="0"/>
            <a:ext cx="12192000" cy="6858000"/>
          </a:xfrm>
          <a:prstGeom prst="rect">
            <a:avLst/>
          </a:prstGeom>
          <a:gradFill flip="none" rotWithShape="1">
            <a:gsLst>
              <a:gs pos="11000">
                <a:schemeClr val="tx1">
                  <a:alpha val="30000"/>
                </a:schemeClr>
              </a:gs>
              <a:gs pos="44000">
                <a:schemeClr val="tx1">
                  <a:alpha val="0"/>
                </a:schemeClr>
              </a:gs>
            </a:gsLst>
            <a:lin ang="162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144"/>
          </a:p>
        </p:txBody>
      </p:sp>
      <p:sp>
        <p:nvSpPr>
          <p:cNvPr id="10" name="Gradient 1">
            <a:extLst>
              <a:ext uri="{FF2B5EF4-FFF2-40B4-BE49-F238E27FC236}">
                <a16:creationId xmlns:a16="http://schemas.microsoft.com/office/drawing/2014/main" id="{26D56151-12C9-2F75-B0A2-C2AC91AFB154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-1" y="0"/>
            <a:ext cx="12192001" cy="6858000"/>
          </a:xfrm>
          <a:prstGeom prst="rect">
            <a:avLst/>
          </a:prstGeom>
          <a:gradFill flip="none" rotWithShape="1">
            <a:gsLst>
              <a:gs pos="18000">
                <a:schemeClr val="tx1">
                  <a:alpha val="30000"/>
                </a:schemeClr>
              </a:gs>
              <a:gs pos="56000">
                <a:schemeClr val="tx1">
                  <a:alpha val="0"/>
                </a:schemeClr>
              </a:gs>
            </a:gsLst>
            <a:lin ang="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144"/>
          </a:p>
        </p:txBody>
      </p:sp>
      <p:sp>
        <p:nvSpPr>
          <p:cNvPr id="7" name="Rectangle">
            <a:extLst>
              <a:ext uri="{FF2B5EF4-FFF2-40B4-BE49-F238E27FC236}">
                <a16:creationId xmlns:a16="http://schemas.microsoft.com/office/drawing/2014/main" id="{22BEFDDE-4F75-E4C1-D461-F2DC7262A728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-17822" y="4130301"/>
            <a:ext cx="5126851" cy="1638300"/>
          </a:xfrm>
          <a:custGeom>
            <a:avLst/>
            <a:gdLst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136524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0" fmla="*/ 684211 w 6430956"/>
              <a:gd name="connsiteY0" fmla="*/ 1638300 h 1638300"/>
              <a:gd name="connsiteX1" fmla="*/ 684211 w 6430956"/>
              <a:gd name="connsiteY1" fmla="*/ 0 h 1638300"/>
              <a:gd name="connsiteX2" fmla="*/ 6157901 w 6430956"/>
              <a:gd name="connsiteY2" fmla="*/ 0 h 1638300"/>
              <a:gd name="connsiteX3" fmla="*/ 6430956 w 6430956"/>
              <a:gd name="connsiteY3" fmla="*/ 273055 h 1638300"/>
              <a:gd name="connsiteX4" fmla="*/ 6430956 w 6430956"/>
              <a:gd name="connsiteY4" fmla="*/ 1365245 h 1638300"/>
              <a:gd name="connsiteX5" fmla="*/ 6157901 w 6430956"/>
              <a:gd name="connsiteY5" fmla="*/ 1638300 h 1638300"/>
              <a:gd name="connsiteX6" fmla="*/ 684211 w 6430956"/>
              <a:gd name="connsiteY6" fmla="*/ 1638300 h 1638300"/>
              <a:gd name="connsiteX0" fmla="*/ 405694 w 6152439"/>
              <a:gd name="connsiteY0" fmla="*/ 1638300 h 1638300"/>
              <a:gd name="connsiteX1" fmla="*/ 405694 w 6152439"/>
              <a:gd name="connsiteY1" fmla="*/ 0 h 1638300"/>
              <a:gd name="connsiteX2" fmla="*/ 5879384 w 6152439"/>
              <a:gd name="connsiteY2" fmla="*/ 0 h 1638300"/>
              <a:gd name="connsiteX3" fmla="*/ 6152439 w 6152439"/>
              <a:gd name="connsiteY3" fmla="*/ 273055 h 1638300"/>
              <a:gd name="connsiteX4" fmla="*/ 6152439 w 6152439"/>
              <a:gd name="connsiteY4" fmla="*/ 1365245 h 1638300"/>
              <a:gd name="connsiteX5" fmla="*/ 5879384 w 6152439"/>
              <a:gd name="connsiteY5" fmla="*/ 1638300 h 1638300"/>
              <a:gd name="connsiteX6" fmla="*/ 405694 w 6152439"/>
              <a:gd name="connsiteY6" fmla="*/ 1638300 h 1638300"/>
              <a:gd name="connsiteX0" fmla="*/ 4947 w 5751692"/>
              <a:gd name="connsiteY0" fmla="*/ 1638300 h 1638300"/>
              <a:gd name="connsiteX1" fmla="*/ 4947 w 5751692"/>
              <a:gd name="connsiteY1" fmla="*/ 0 h 1638300"/>
              <a:gd name="connsiteX2" fmla="*/ 5478637 w 5751692"/>
              <a:gd name="connsiteY2" fmla="*/ 0 h 1638300"/>
              <a:gd name="connsiteX3" fmla="*/ 5751692 w 5751692"/>
              <a:gd name="connsiteY3" fmla="*/ 273055 h 1638300"/>
              <a:gd name="connsiteX4" fmla="*/ 5751692 w 5751692"/>
              <a:gd name="connsiteY4" fmla="*/ 1365245 h 1638300"/>
              <a:gd name="connsiteX5" fmla="*/ 5478637 w 5751692"/>
              <a:gd name="connsiteY5" fmla="*/ 1638300 h 1638300"/>
              <a:gd name="connsiteX6" fmla="*/ 4947 w 5751692"/>
              <a:gd name="connsiteY6" fmla="*/ 1638300 h 1638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751692" h="1638300">
                <a:moveTo>
                  <a:pt x="4947" y="1638300"/>
                </a:moveTo>
                <a:cubicBezTo>
                  <a:pt x="3890" y="800100"/>
                  <a:pt x="-5635" y="1181100"/>
                  <a:pt x="4947" y="0"/>
                </a:cubicBezTo>
                <a:lnTo>
                  <a:pt x="5478637" y="0"/>
                </a:lnTo>
                <a:cubicBezTo>
                  <a:pt x="5629441" y="0"/>
                  <a:pt x="5751692" y="122251"/>
                  <a:pt x="5751692" y="273055"/>
                </a:cubicBezTo>
                <a:lnTo>
                  <a:pt x="5751692" y="1365245"/>
                </a:lnTo>
                <a:cubicBezTo>
                  <a:pt x="5751692" y="1516049"/>
                  <a:pt x="5629441" y="1638300"/>
                  <a:pt x="5478637" y="1638300"/>
                </a:cubicBezTo>
                <a:lnTo>
                  <a:pt x="4947" y="1638300"/>
                </a:lnTo>
                <a:close/>
              </a:path>
            </a:pathLst>
          </a:custGeom>
          <a:solidFill>
            <a:srgbClr val="FAC833"/>
          </a:solidFill>
          <a:ln>
            <a:solidFill>
              <a:srgbClr val="FAC83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Text">
            <a:extLst>
              <a:ext uri="{FF2B5EF4-FFF2-40B4-BE49-F238E27FC236}">
                <a16:creationId xmlns:a16="http://schemas.microsoft.com/office/drawing/2014/main" id="{3805FF7A-3484-1EDE-7EE4-BBE196BA4DB2}"/>
              </a:ext>
            </a:extLst>
          </p:cNvPr>
          <p:cNvSpPr txBox="1"/>
          <p:nvPr/>
        </p:nvSpPr>
        <p:spPr>
          <a:xfrm>
            <a:off x="244404" y="4349286"/>
            <a:ext cx="4602397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sz="1800" b="1">
                <a:latin typeface="Aktiv Grotesk" panose="020B0504020202020204"/>
              </a:rPr>
              <a:t>Type your message here </a:t>
            </a:r>
            <a:r>
              <a:rPr lang="fr-FR" sz="1800">
                <a:latin typeface="Aktiv Grotesk" panose="020B0504020202020204"/>
              </a:rPr>
              <a:t>…</a:t>
            </a:r>
            <a:br>
              <a:rPr lang="fr-FR" sz="1800">
                <a:latin typeface="Aktiv Grotesk" panose="020B0504020202020204"/>
              </a:rPr>
            </a:br>
            <a:r>
              <a:rPr lang="fr-FR" sz="1800">
                <a:latin typeface="Aktiv Grotesk" panose="020B0504020202020204"/>
              </a:rPr>
              <a:t>You can add your name, your session or any other wording you wish. Reduce font size as needed.</a:t>
            </a:r>
          </a:p>
        </p:txBody>
      </p:sp>
      <p:sp>
        <p:nvSpPr>
          <p:cNvPr id="18" name="Picture Placeholder">
            <a:extLst>
              <a:ext uri="{FF2B5EF4-FFF2-40B4-BE49-F238E27FC236}">
                <a16:creationId xmlns:a16="http://schemas.microsoft.com/office/drawing/2014/main" id="{B1601A08-41E0-6E3A-8352-1CDE1E167D9A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6263694" y="585151"/>
            <a:ext cx="4673599" cy="4679202"/>
          </a:xfrm>
        </p:spPr>
      </p:sp>
      <p:sp>
        <p:nvSpPr>
          <p:cNvPr id="12" name="Location, Dates">
            <a:extLst>
              <a:ext uri="{FF2B5EF4-FFF2-40B4-BE49-F238E27FC236}">
                <a16:creationId xmlns:a16="http://schemas.microsoft.com/office/drawing/2014/main" id="{24EFB081-7080-BC01-1743-242BFA394033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07112" y="3108842"/>
            <a:ext cx="5009707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b="1">
                <a:solidFill>
                  <a:schemeClr val="bg1"/>
                </a:solidFill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Hong Kong (SAR), China</a:t>
            </a:r>
          </a:p>
          <a:p>
            <a:r>
              <a:rPr lang="en-US" sz="2400" b="1">
                <a:solidFill>
                  <a:schemeClr val="bg1"/>
                </a:solidFill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12 - 14 March 2024</a:t>
            </a:r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176CC98A-6E11-5AF9-5239-963BC985FF30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>
            <p:custDataLst>
              <p:tags r:id="rId2"/>
            </p:custDataLst>
          </p:nvPr>
        </p:nvPicPr>
        <p:blipFill rotWithShape="1">
          <a:blip r:embed="rId5"/>
          <a:srcRect/>
          <a:stretch/>
        </p:blipFill>
        <p:spPr>
          <a:xfrm>
            <a:off x="381000" y="370194"/>
            <a:ext cx="2917838" cy="2350750"/>
          </a:xfrm>
          <a:prstGeom prst="rect">
            <a:avLst/>
          </a:prstGeom>
        </p:spPr>
      </p:pic>
      <p:sp>
        <p:nvSpPr>
          <p:cNvPr id="14" name="Footer Placeholder 28">
            <a:extLst>
              <a:ext uri="{FF2B5EF4-FFF2-40B4-BE49-F238E27FC236}">
                <a16:creationId xmlns:a16="http://schemas.microsoft.com/office/drawing/2014/main" id="{9057CC46-28C3-A44E-F703-836CE0A5961F}"/>
              </a:ext>
            </a:extLst>
          </p:cNvPr>
          <p:cNvSpPr txBox="1">
            <a:spLocks/>
          </p:cNvSpPr>
          <p:nvPr/>
        </p:nvSpPr>
        <p:spPr>
          <a:xfrm>
            <a:off x="525137" y="6162324"/>
            <a:ext cx="4950130" cy="365125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400">
                <a:solidFill>
                  <a:prstClr val="white"/>
                </a:solidFill>
                <a:latin typeface="Aktiv Grotesk"/>
              </a:rPr>
              <a:t>#IATAWCS</a:t>
            </a:r>
          </a:p>
        </p:txBody>
      </p:sp>
      <p:sp>
        <p:nvSpPr>
          <p:cNvPr id="4" name="Freeform 5">
            <a:extLst>
              <a:ext uri="{FF2B5EF4-FFF2-40B4-BE49-F238E27FC236}">
                <a16:creationId xmlns:a16="http://schemas.microsoft.com/office/drawing/2014/main" id="{79581622-2AD9-2E7E-0201-ABEF801CDD60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10335856" y="5609913"/>
            <a:ext cx="1253427" cy="78494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sz="1645"/>
          </a:p>
        </p:txBody>
      </p:sp>
      <p:sp>
        <p:nvSpPr>
          <p:cNvPr id="11" name="Text Placeholder 11">
            <a:extLst>
              <a:ext uri="{FF2B5EF4-FFF2-40B4-BE49-F238E27FC236}">
                <a16:creationId xmlns:a16="http://schemas.microsoft.com/office/drawing/2014/main" id="{4F66ED5F-7C2F-AAFB-1148-863A7AE69355}"/>
              </a:ext>
            </a:extLst>
          </p:cNvPr>
          <p:cNvSpPr txBox="1">
            <a:spLocks/>
          </p:cNvSpPr>
          <p:nvPr/>
        </p:nvSpPr>
        <p:spPr>
          <a:xfrm>
            <a:off x="6165206" y="5482108"/>
            <a:ext cx="1692290" cy="222449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28575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0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98513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–"/>
              <a:defRPr sz="10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1738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▪"/>
              <a:defRPr sz="10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05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9pPr>
          </a:lstStyle>
          <a:p>
            <a:r>
              <a:rPr lang="en-US"/>
              <a:t>Host Airline</a:t>
            </a:r>
          </a:p>
        </p:txBody>
      </p:sp>
      <p:pic>
        <p:nvPicPr>
          <p:cNvPr id="15" name="Picture 2" descr="A picture containing graphical user interface&#10;&#10;Description automatically generated">
            <a:extLst>
              <a:ext uri="{FF2B5EF4-FFF2-40B4-BE49-F238E27FC236}">
                <a16:creationId xmlns:a16="http://schemas.microsoft.com/office/drawing/2014/main" id="{46222172-457D-03A0-FA23-17FD9E2D41E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685631" y="5741956"/>
            <a:ext cx="2676525" cy="6096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6" name="Picture 3" descr="A white logo with black background&#10;&#10;Description automatically generated">
            <a:extLst>
              <a:ext uri="{FF2B5EF4-FFF2-40B4-BE49-F238E27FC236}">
                <a16:creationId xmlns:a16="http://schemas.microsoft.com/office/drawing/2014/main" id="{4AB28984-98D2-3CEB-3D28-CF1A41D54DA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612981" y="5765404"/>
            <a:ext cx="1609725" cy="8858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7" name="Text Placeholder 11">
            <a:extLst>
              <a:ext uri="{FF2B5EF4-FFF2-40B4-BE49-F238E27FC236}">
                <a16:creationId xmlns:a16="http://schemas.microsoft.com/office/drawing/2014/main" id="{C5AFDD76-EFF5-1314-6CF1-D4167F03C007}"/>
              </a:ext>
            </a:extLst>
          </p:cNvPr>
          <p:cNvSpPr txBox="1">
            <a:spLocks/>
          </p:cNvSpPr>
          <p:nvPr/>
        </p:nvSpPr>
        <p:spPr>
          <a:xfrm>
            <a:off x="8502861" y="5470782"/>
            <a:ext cx="1692290" cy="222449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28575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0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98513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–"/>
              <a:defRPr sz="10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1738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▪"/>
              <a:defRPr sz="10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05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9pPr>
          </a:lstStyle>
          <a:p>
            <a:r>
              <a:rPr lang="en-US"/>
              <a:t>Host Airport</a:t>
            </a:r>
          </a:p>
        </p:txBody>
      </p:sp>
    </p:spTree>
    <p:extLst>
      <p:ext uri="{BB962C8B-B14F-4D97-AF65-F5344CB8AC3E}">
        <p14:creationId xmlns:p14="http://schemas.microsoft.com/office/powerpoint/2010/main" val="84778783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BBB3A0DD-9AA6-F665-E723-546433741E9C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 rotWithShape="1">
          <a:blip r:embed="rId4"/>
          <a:srcRect r="8309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6" name="Gradient 3">
            <a:extLst>
              <a:ext uri="{FF2B5EF4-FFF2-40B4-BE49-F238E27FC236}">
                <a16:creationId xmlns:a16="http://schemas.microsoft.com/office/drawing/2014/main" id="{C2E5B456-531F-DCA5-F39B-F3F9E25E9299}"/>
              </a:ext>
            </a:extLst>
          </p:cNvPr>
          <p:cNvSpPr/>
          <p:nvPr/>
        </p:nvSpPr>
        <p:spPr>
          <a:xfrm>
            <a:off x="-1" y="0"/>
            <a:ext cx="12190591" cy="6858000"/>
          </a:xfrm>
          <a:prstGeom prst="rect">
            <a:avLst/>
          </a:prstGeom>
          <a:gradFill flip="none" rotWithShape="1">
            <a:gsLst>
              <a:gs pos="22000">
                <a:schemeClr val="tx1">
                  <a:alpha val="40000"/>
                </a:schemeClr>
              </a:gs>
              <a:gs pos="41000">
                <a:schemeClr val="tx1">
                  <a:alpha val="0"/>
                </a:schemeClr>
              </a:gs>
            </a:gsLst>
            <a:lin ang="27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144"/>
          </a:p>
        </p:txBody>
      </p:sp>
      <p:sp>
        <p:nvSpPr>
          <p:cNvPr id="7" name="Gradient 2">
            <a:extLst>
              <a:ext uri="{FF2B5EF4-FFF2-40B4-BE49-F238E27FC236}">
                <a16:creationId xmlns:a16="http://schemas.microsoft.com/office/drawing/2014/main" id="{39F4B099-7BE9-3537-1AF9-C05254A9D87D}"/>
              </a:ext>
            </a:extLst>
          </p:cNvPr>
          <p:cNvSpPr/>
          <p:nvPr/>
        </p:nvSpPr>
        <p:spPr>
          <a:xfrm>
            <a:off x="-1409" y="0"/>
            <a:ext cx="12192000" cy="6858000"/>
          </a:xfrm>
          <a:prstGeom prst="rect">
            <a:avLst/>
          </a:prstGeom>
          <a:gradFill flip="none" rotWithShape="1">
            <a:gsLst>
              <a:gs pos="11000">
                <a:schemeClr val="tx1">
                  <a:alpha val="30000"/>
                </a:schemeClr>
              </a:gs>
              <a:gs pos="44000">
                <a:schemeClr val="tx1">
                  <a:alpha val="0"/>
                </a:schemeClr>
              </a:gs>
            </a:gsLst>
            <a:lin ang="162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144"/>
          </a:p>
        </p:txBody>
      </p:sp>
      <p:sp>
        <p:nvSpPr>
          <p:cNvPr id="8" name="Gradient 1">
            <a:extLst>
              <a:ext uri="{FF2B5EF4-FFF2-40B4-BE49-F238E27FC236}">
                <a16:creationId xmlns:a16="http://schemas.microsoft.com/office/drawing/2014/main" id="{8CECFD17-5B4E-379D-166F-0E91B687F203}"/>
              </a:ext>
            </a:extLst>
          </p:cNvPr>
          <p:cNvSpPr/>
          <p:nvPr/>
        </p:nvSpPr>
        <p:spPr>
          <a:xfrm>
            <a:off x="-1" y="0"/>
            <a:ext cx="12192001" cy="6858000"/>
          </a:xfrm>
          <a:prstGeom prst="rect">
            <a:avLst/>
          </a:prstGeom>
          <a:gradFill flip="none" rotWithShape="1">
            <a:gsLst>
              <a:gs pos="18000">
                <a:schemeClr val="tx1">
                  <a:alpha val="30000"/>
                </a:schemeClr>
              </a:gs>
              <a:gs pos="56000">
                <a:schemeClr val="tx1">
                  <a:alpha val="0"/>
                </a:schemeClr>
              </a:gs>
            </a:gsLst>
            <a:lin ang="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144"/>
          </a:p>
        </p:txBody>
      </p:sp>
      <p:sp>
        <p:nvSpPr>
          <p:cNvPr id="20" name="Join me">
            <a:extLst>
              <a:ext uri="{FF2B5EF4-FFF2-40B4-BE49-F238E27FC236}">
                <a16:creationId xmlns:a16="http://schemas.microsoft.com/office/drawing/2014/main" id="{3AEA561C-FDFF-CCBC-88F5-F891CB5B4C91}"/>
              </a:ext>
            </a:extLst>
          </p:cNvPr>
          <p:cNvSpPr txBox="1"/>
          <p:nvPr/>
        </p:nvSpPr>
        <p:spPr>
          <a:xfrm>
            <a:off x="274426" y="4266251"/>
            <a:ext cx="7194550" cy="1569660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r>
              <a:rPr lang="en-US" sz="4800" b="1" i="0">
                <a:solidFill>
                  <a:schemeClr val="bg1"/>
                </a:solidFill>
                <a:effectLst/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JOIN ME AT</a:t>
            </a:r>
          </a:p>
          <a:p>
            <a:r>
              <a:rPr lang="en-US" sz="4800" b="1">
                <a:solidFill>
                  <a:schemeClr val="bg1"/>
                </a:solidFill>
                <a:latin typeface="Aktiv Grotesk Medium"/>
                <a:ea typeface="Aktiv Grotesk Medium" panose="020B0504020202020204" pitchFamily="34" charset="0"/>
                <a:cs typeface="Aktiv Grotesk Medium" panose="020B0504020202020204" pitchFamily="34" charset="0"/>
              </a:rPr>
              <a:t>THE WCS 2024!</a:t>
            </a:r>
            <a:endParaRPr lang="en-US" sz="4800">
              <a:solidFill>
                <a:schemeClr val="bg1"/>
              </a:solidFill>
              <a:latin typeface="Aktiv Grotesk Medium"/>
              <a:ea typeface="Aktiv Grotesk Medium" panose="020B0504020202020204" pitchFamily="34" charset="0"/>
              <a:cs typeface="Aktiv Grotesk Medium" panose="020B0504020202020204" pitchFamily="34" charset="0"/>
            </a:endParaRP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AAB807FD-A757-2885-7094-A0B9075FE2A7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>
            <p:custDataLst>
              <p:tags r:id="rId2"/>
            </p:custDataLst>
          </p:nvPr>
        </p:nvPicPr>
        <p:blipFill rotWithShape="1">
          <a:blip r:embed="rId5"/>
          <a:srcRect/>
          <a:stretch/>
        </p:blipFill>
        <p:spPr>
          <a:xfrm>
            <a:off x="381000" y="370194"/>
            <a:ext cx="2917838" cy="2350750"/>
          </a:xfrm>
          <a:prstGeom prst="rect">
            <a:avLst/>
          </a:prstGeom>
        </p:spPr>
      </p:pic>
      <p:sp>
        <p:nvSpPr>
          <p:cNvPr id="9" name="Footer Placeholder 28">
            <a:extLst>
              <a:ext uri="{FF2B5EF4-FFF2-40B4-BE49-F238E27FC236}">
                <a16:creationId xmlns:a16="http://schemas.microsoft.com/office/drawing/2014/main" id="{5CDC7C4F-3928-AE9F-E231-1A7CD13D8434}"/>
              </a:ext>
            </a:extLst>
          </p:cNvPr>
          <p:cNvSpPr txBox="1">
            <a:spLocks/>
          </p:cNvSpPr>
          <p:nvPr/>
        </p:nvSpPr>
        <p:spPr>
          <a:xfrm>
            <a:off x="320606" y="6162324"/>
            <a:ext cx="4950130" cy="365125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400">
                <a:solidFill>
                  <a:prstClr val="white"/>
                </a:solidFill>
                <a:latin typeface="Aktiv Grotesk"/>
              </a:rPr>
              <a:t>#IATAWCS</a:t>
            </a:r>
          </a:p>
        </p:txBody>
      </p:sp>
      <p:sp>
        <p:nvSpPr>
          <p:cNvPr id="3" name="Location, Dates">
            <a:extLst>
              <a:ext uri="{FF2B5EF4-FFF2-40B4-BE49-F238E27FC236}">
                <a16:creationId xmlns:a16="http://schemas.microsoft.com/office/drawing/2014/main" id="{25D7D66E-6B7F-1D6C-167F-2A5F0E1FA169}"/>
              </a:ext>
            </a:extLst>
          </p:cNvPr>
          <p:cNvSpPr txBox="1"/>
          <p:nvPr/>
        </p:nvSpPr>
        <p:spPr>
          <a:xfrm>
            <a:off x="320606" y="3108842"/>
            <a:ext cx="5009707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b="1">
                <a:solidFill>
                  <a:schemeClr val="bg1"/>
                </a:solidFill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Hong Kong (SAR), China</a:t>
            </a:r>
          </a:p>
          <a:p>
            <a:r>
              <a:rPr lang="en-US" sz="2400" b="1">
                <a:solidFill>
                  <a:schemeClr val="bg1"/>
                </a:solidFill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12 - 14 March 2024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7DC0FE9E-0A94-234D-3CCB-06DE63F64416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10335856" y="5609913"/>
            <a:ext cx="1253427" cy="78494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sz="1645"/>
          </a:p>
        </p:txBody>
      </p:sp>
      <p:sp>
        <p:nvSpPr>
          <p:cNvPr id="5" name="Text Placeholder 11">
            <a:extLst>
              <a:ext uri="{FF2B5EF4-FFF2-40B4-BE49-F238E27FC236}">
                <a16:creationId xmlns:a16="http://schemas.microsoft.com/office/drawing/2014/main" id="{E624939A-3577-BF64-AB99-19D1B5AB1DB3}"/>
              </a:ext>
            </a:extLst>
          </p:cNvPr>
          <p:cNvSpPr txBox="1">
            <a:spLocks/>
          </p:cNvSpPr>
          <p:nvPr/>
        </p:nvSpPr>
        <p:spPr>
          <a:xfrm>
            <a:off x="6165206" y="5482108"/>
            <a:ext cx="1692290" cy="222449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28575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0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98513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–"/>
              <a:defRPr sz="10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1738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▪"/>
              <a:defRPr sz="10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05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9pPr>
          </a:lstStyle>
          <a:p>
            <a:r>
              <a:rPr lang="en-US"/>
              <a:t>Host Airline</a:t>
            </a:r>
          </a:p>
        </p:txBody>
      </p:sp>
      <p:pic>
        <p:nvPicPr>
          <p:cNvPr id="10" name="Picture 2" descr="A picture containing graphical user interface&#10;&#10;Description automatically generated">
            <a:extLst>
              <a:ext uri="{FF2B5EF4-FFF2-40B4-BE49-F238E27FC236}">
                <a16:creationId xmlns:a16="http://schemas.microsoft.com/office/drawing/2014/main" id="{DEF4BA33-5818-58A6-7BF2-A6E6DF07699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685631" y="5741956"/>
            <a:ext cx="2676525" cy="6096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4" name="Picture 3" descr="A white logo with black background&#10;&#10;Description automatically generated">
            <a:extLst>
              <a:ext uri="{FF2B5EF4-FFF2-40B4-BE49-F238E27FC236}">
                <a16:creationId xmlns:a16="http://schemas.microsoft.com/office/drawing/2014/main" id="{C12A3638-41B7-93AB-B566-3EFB44E3410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612981" y="5765404"/>
            <a:ext cx="1609725" cy="8858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5" name="Text Placeholder 11">
            <a:extLst>
              <a:ext uri="{FF2B5EF4-FFF2-40B4-BE49-F238E27FC236}">
                <a16:creationId xmlns:a16="http://schemas.microsoft.com/office/drawing/2014/main" id="{7D831934-75D1-FAF8-E22A-78EA4E28283E}"/>
              </a:ext>
            </a:extLst>
          </p:cNvPr>
          <p:cNvSpPr txBox="1">
            <a:spLocks/>
          </p:cNvSpPr>
          <p:nvPr/>
        </p:nvSpPr>
        <p:spPr>
          <a:xfrm>
            <a:off x="8502861" y="5470782"/>
            <a:ext cx="1692290" cy="222449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28575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0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98513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–"/>
              <a:defRPr sz="10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1738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▪"/>
              <a:defRPr sz="10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05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9pPr>
          </a:lstStyle>
          <a:p>
            <a:r>
              <a:rPr lang="en-US"/>
              <a:t>Host Airport</a:t>
            </a:r>
          </a:p>
        </p:txBody>
      </p:sp>
    </p:spTree>
    <p:extLst>
      <p:ext uri="{BB962C8B-B14F-4D97-AF65-F5344CB8AC3E}">
        <p14:creationId xmlns:p14="http://schemas.microsoft.com/office/powerpoint/2010/main" val="258988387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chezurian\AppData\Local\Temp\Templafy\PowerPointVsto\Assets\97fa855e-821b-4a41-b4d6-9285b648b050.jpeg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chezurian\AppData\Local\Temp\Templafy\PowerPointVsto\Assets\IATA-WORLD-CARGO-SYMPOSIUM-2_RGB_ForPPT.png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chezurian\AppData\Local\Temp\Templafy\PowerPointVsto\Assets\97fa855e-821b-4a41-b4d6-9285b648b050.jpeg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chezurian\AppData\Local\Temp\Templafy\PowerPointVsto\Assets\IATA-WORLD-CARGO-SYMPOSIUM-2_RGB_ForPPT.png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chezurian\AppData\Local\Temp\Templafy\PowerPointVsto\Assets\97fa855e-821b-4a41-b4d6-9285b648b050.jpeg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chezurian\AppData\Local\Temp\Templafy\PowerPointVsto\Assets\IATA-WORLD-CARGO-SYMPOSIUM-2_RGB_ForPPT.png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IATA_Master">
  <a:themeElements>
    <a:clrScheme name="IATA">
      <a:dk1>
        <a:sysClr val="windowText" lastClr="000000"/>
      </a:dk1>
      <a:lt1>
        <a:sysClr val="window" lastClr="FFFFFF"/>
      </a:lt1>
      <a:dk2>
        <a:srgbClr val="000000"/>
      </a:dk2>
      <a:lt2>
        <a:srgbClr val="E6E6E6"/>
      </a:lt2>
      <a:accent1>
        <a:srgbClr val="1E32FA"/>
      </a:accent1>
      <a:accent2>
        <a:srgbClr val="FAC832"/>
      </a:accent2>
      <a:accent3>
        <a:srgbClr val="F04632"/>
      </a:accent3>
      <a:accent4>
        <a:srgbClr val="289632"/>
      </a:accent4>
      <a:accent5>
        <a:srgbClr val="F046C8"/>
      </a:accent5>
      <a:accent6>
        <a:srgbClr val="5A14A0"/>
      </a:accent6>
      <a:hlink>
        <a:srgbClr val="1E32FA"/>
      </a:hlink>
      <a:folHlink>
        <a:srgbClr val="5A14A0"/>
      </a:folHlink>
    </a:clrScheme>
    <a:fontScheme name="IATA">
      <a:majorFont>
        <a:latin typeface="Aktiv Grotesk Medium"/>
        <a:ea typeface=""/>
        <a:cs typeface=""/>
      </a:majorFont>
      <a:minorFont>
        <a:latin typeface="Aktiv Grotesk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PT_default.pptx  -  Read-Only" id="{3393D6F6-3DDF-4AD8-AF70-01B8C861C0E9}" vid="{9069597E-579C-472E-93EE-52701DC46031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axCatchAll xmlns="da655568-1247-43c7-b5ce-0d71de2fb494" xsi:nil="true"/>
    <lcf76f155ced4ddcb4097134ff3c332f xmlns="4ffaaae9-dc8c-459f-a92e-1529c78bcbdb">
      <Terms xmlns="http://schemas.microsoft.com/office/infopath/2007/PartnerControls"/>
    </lcf76f155ced4ddcb4097134ff3c332f>
    <Teammemberincharge xmlns="4ffaaae9-dc8c-459f-a92e-1529c78bcbdb" xsi:nil="true"/>
    <SharedWithUsers xmlns="86e16ca4-215f-4354-b2b5-4fac53992da1">
      <UserInfo>
        <DisplayName>Katie Erofeeva</DisplayName>
        <AccountId>90</AccountId>
        <AccountType/>
      </UserInfo>
      <UserInfo>
        <DisplayName>Kim Wee</DisplayName>
        <AccountId>51</AccountId>
        <AccountType/>
      </UserInfo>
      <UserInfo>
        <DisplayName>Macarena Losada</DisplayName>
        <AccountId>87</AccountId>
        <AccountType/>
      </UserInfo>
    </SharedWithUsers>
  </documentManagement>
</p:properti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2D35BE1AB82ED949983D4C3BEFB295AA" ma:contentTypeVersion="18" ma:contentTypeDescription="Create a new document." ma:contentTypeScope="" ma:versionID="8f7f5775543f79acbde25c913a609869">
  <xsd:schema xmlns:xsd="http://www.w3.org/2001/XMLSchema" xmlns:xs="http://www.w3.org/2001/XMLSchema" xmlns:p="http://schemas.microsoft.com/office/2006/metadata/properties" xmlns:ns2="4ffaaae9-dc8c-459f-a92e-1529c78bcbdb" xmlns:ns3="86e16ca4-215f-4354-b2b5-4fac53992da1" xmlns:ns4="da655568-1247-43c7-b5ce-0d71de2fb494" targetNamespace="http://schemas.microsoft.com/office/2006/metadata/properties" ma:root="true" ma:fieldsID="3c7a8ead1715696ef4fb2f1cf37e2cf7" ns2:_="" ns3:_="" ns4:_="">
    <xsd:import namespace="4ffaaae9-dc8c-459f-a92e-1529c78bcbdb"/>
    <xsd:import namespace="86e16ca4-215f-4354-b2b5-4fac53992da1"/>
    <xsd:import namespace="da655568-1247-43c7-b5ce-0d71de2fb494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3:SharedWithUsers" minOccurs="0"/>
                <xsd:element ref="ns3:SharedWithDetails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DateTaken" minOccurs="0"/>
                <xsd:element ref="ns2:lcf76f155ced4ddcb4097134ff3c332f" minOccurs="0"/>
                <xsd:element ref="ns4:TaxCatchAll" minOccurs="0"/>
                <xsd:element ref="ns2:MediaLengthInSeconds" minOccurs="0"/>
                <xsd:element ref="ns2:MediaServiceLocation" minOccurs="0"/>
                <xsd:element ref="ns2:Teammemberincharge" minOccurs="0"/>
                <xsd:element ref="ns2:MediaServiceObjectDetectorVersion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ffaaae9-dc8c-459f-a92e-1529c78bcbdb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4" nillable="true" ma:displayName="Tags" ma:internalName="MediaServiceAutoTags" ma:readOnly="true">
      <xsd:simpleType>
        <xsd:restriction base="dms:Text"/>
      </xsd:simpleType>
    </xsd:element>
    <xsd:element name="MediaServiceOCR" ma:index="15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  <xsd:element name="lcf76f155ced4ddcb4097134ff3c332f" ma:index="20" nillable="true" ma:taxonomy="true" ma:internalName="lcf76f155ced4ddcb4097134ff3c332f" ma:taxonomyFieldName="MediaServiceImageTags" ma:displayName="Image Tags" ma:readOnly="false" ma:fieldId="{5cf76f15-5ced-4ddc-b409-7134ff3c332f}" ma:taxonomyMulti="true" ma:sspId="972a7312-740c-42ad-98bd-109d277010bd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LengthInSeconds" ma:index="22" nillable="true" ma:displayName="MediaLengthInSeconds" ma:hidden="true" ma:internalName="MediaLengthInSeconds" ma:readOnly="true">
      <xsd:simpleType>
        <xsd:restriction base="dms:Unknown"/>
      </xsd:simpleType>
    </xsd:element>
    <xsd:element name="MediaServiceLocation" ma:index="23" nillable="true" ma:displayName="Location" ma:indexed="true" ma:internalName="MediaServiceLocation" ma:readOnly="true">
      <xsd:simpleType>
        <xsd:restriction base="dms:Text"/>
      </xsd:simpleType>
    </xsd:element>
    <xsd:element name="Teammemberincharge" ma:index="24" nillable="true" ma:displayName="Team member in charge" ma:format="Dropdown" ma:internalName="Teammemberincharge">
      <xsd:simpleType>
        <xsd:restriction base="dms:Text">
          <xsd:maxLength value="255"/>
        </xsd:restriction>
      </xsd:simpleType>
    </xsd:element>
    <xsd:element name="MediaServiceObjectDetectorVersions" ma:index="25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6e16ca4-215f-4354-b2b5-4fac53992da1" elementFormDefault="qualified">
    <xsd:import namespace="http://schemas.microsoft.com/office/2006/documentManagement/types"/>
    <xsd:import namespace="http://schemas.microsoft.com/office/infopath/2007/PartnerControls"/>
    <xsd:element name="SharedWithUsers" ma:index="12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3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a655568-1247-43c7-b5ce-0d71de2fb494" elementFormDefault="qualified">
    <xsd:import namespace="http://schemas.microsoft.com/office/2006/documentManagement/types"/>
    <xsd:import namespace="http://schemas.microsoft.com/office/infopath/2007/PartnerControls"/>
    <xsd:element name="TaxCatchAll" ma:index="21" nillable="true" ma:displayName="Taxonomy Catch All Column" ma:hidden="true" ma:list="{7047f723-34d2-452b-a2e8-72a6afe5340e}" ma:internalName="TaxCatchAll" ma:showField="CatchAllData" ma:web="86e16ca4-215f-4354-b2b5-4fac53992da1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B98825FB-E388-4F1F-8116-2A8A65DD839A}">
  <ds:schemaRefs>
    <ds:schemaRef ds:uri="4ffaaae9-dc8c-459f-a92e-1529c78bcbdb"/>
    <ds:schemaRef ds:uri="86e16ca4-215f-4354-b2b5-4fac53992da1"/>
    <ds:schemaRef ds:uri="da655568-1247-43c7-b5ce-0d71de2fb494"/>
    <ds:schemaRef ds:uri="http://purl.org/dc/dcmitype/"/>
    <ds:schemaRef ds:uri="http://purl.org/dc/elements/1.1/"/>
    <ds:schemaRef ds:uri="http://purl.org/dc/terms/"/>
    <ds:schemaRef ds:uri="http://schemas.microsoft.com/office/2006/documentManagement/types"/>
    <ds:schemaRef ds:uri="http://schemas.microsoft.com/office/2006/metadata/properties"/>
    <ds:schemaRef ds:uri="http://schemas.microsoft.com/office/infopath/2007/PartnerControls"/>
    <ds:schemaRef ds:uri="http://schemas.openxmlformats.org/package/2006/metadata/core-properties"/>
    <ds:schemaRef ds:uri="http://www.w3.org/XML/1998/namespace"/>
  </ds:schemaRefs>
</ds:datastoreItem>
</file>

<file path=customXml/itemProps2.xml><?xml version="1.0" encoding="utf-8"?>
<ds:datastoreItem xmlns:ds="http://schemas.openxmlformats.org/officeDocument/2006/customXml" ds:itemID="{6870F271-1A08-48AE-8C18-B8377B5EFE3E}">
  <ds:schemaRefs>
    <ds:schemaRef ds:uri="4ffaaae9-dc8c-459f-a92e-1529c78bcbdb"/>
    <ds:schemaRef ds:uri="86e16ca4-215f-4354-b2b5-4fac53992da1"/>
    <ds:schemaRef ds:uri="da655568-1247-43c7-b5ce-0d71de2fb494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openxmlformats.org/package/2006/metadata/core-properties"/>
    <ds:schemaRef ds:uri="http://www.w3.org/2001/XMLSchema"/>
  </ds:schemaRefs>
</ds:datastoreItem>
</file>

<file path=customXml/itemProps3.xml><?xml version="1.0" encoding="utf-8"?>
<ds:datastoreItem xmlns:ds="http://schemas.openxmlformats.org/officeDocument/2006/customXml" ds:itemID="{1748A618-3DC1-4085-AFA7-457ABC695961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Application>Microsoft Office PowerPoint</Application>
  <PresentationFormat>Widescreen</PresentationFormat>
  <Slides>4</Slides>
  <Notes>0</Notes>
  <HiddenSlides>0</HiddenSlides>
  <ScaleCrop>false</ScaleCrop>
  <HeadingPairs>
    <vt:vector size="4" baseType="variant">
      <vt:variant>
        <vt:lpstr>Theme</vt:lpstr>
      </vt:variant>
      <vt:variant>
        <vt:i4>2</vt:i4>
      </vt:variant>
      <vt:variant>
        <vt:lpstr>Slide Titles</vt:lpstr>
      </vt:variant>
      <vt:variant>
        <vt:i4>4</vt:i4>
      </vt:variant>
    </vt:vector>
  </HeadingPairs>
  <TitlesOfParts>
    <vt:vector size="6" baseType="lpstr">
      <vt:lpstr>Office Theme</vt:lpstr>
      <vt:lpstr>IATA_Master</vt:lpstr>
      <vt:lpstr>Promotional Kit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CNS Advocacy Kit</dc:title>
  <dc:creator>DeSantis, Christina</dc:creator>
  <cp:revision>1</cp:revision>
  <dcterms:created xsi:type="dcterms:W3CDTF">2021-04-21T15:11:41Z</dcterms:created>
  <dcterms:modified xsi:type="dcterms:W3CDTF">2024-01-03T11:48:5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MSIP_Label_2bbab825-a111-45e4-86a1-18cee0005896_Enabled">
    <vt:lpwstr>true</vt:lpwstr>
  </property>
  <property fmtid="{D5CDD505-2E9C-101B-9397-08002B2CF9AE}" pid="3" name="MSIP_Label_2bbab825-a111-45e4-86a1-18cee0005896_SetDate">
    <vt:lpwstr>2021-04-21T15:11:42Z</vt:lpwstr>
  </property>
  <property fmtid="{D5CDD505-2E9C-101B-9397-08002B2CF9AE}" pid="4" name="MSIP_Label_2bbab825-a111-45e4-86a1-18cee0005896_Method">
    <vt:lpwstr>Standard</vt:lpwstr>
  </property>
  <property fmtid="{D5CDD505-2E9C-101B-9397-08002B2CF9AE}" pid="5" name="MSIP_Label_2bbab825-a111-45e4-86a1-18cee0005896_Name">
    <vt:lpwstr>2bbab825-a111-45e4-86a1-18cee0005896</vt:lpwstr>
  </property>
  <property fmtid="{D5CDD505-2E9C-101B-9397-08002B2CF9AE}" pid="6" name="MSIP_Label_2bbab825-a111-45e4-86a1-18cee0005896_SiteId">
    <vt:lpwstr>2567d566-604c-408a-8a60-55d0dc9d9d6b</vt:lpwstr>
  </property>
  <property fmtid="{D5CDD505-2E9C-101B-9397-08002B2CF9AE}" pid="7" name="MSIP_Label_2bbab825-a111-45e4-86a1-18cee0005896_ActionId">
    <vt:lpwstr>bd1f98e2-eeee-4e66-acd1-aec6dc875dae</vt:lpwstr>
  </property>
  <property fmtid="{D5CDD505-2E9C-101B-9397-08002B2CF9AE}" pid="8" name="MSIP_Label_2bbab825-a111-45e4-86a1-18cee0005896_ContentBits">
    <vt:lpwstr>2</vt:lpwstr>
  </property>
  <property fmtid="{D5CDD505-2E9C-101B-9397-08002B2CF9AE}" pid="9" name="ClassificationContentMarkingFooterLocations">
    <vt:lpwstr>Office Theme:8</vt:lpwstr>
  </property>
  <property fmtid="{D5CDD505-2E9C-101B-9397-08002B2CF9AE}" pid="10" name="ClassificationContentMarkingFooterText">
    <vt:lpwstr>Information Classification: General</vt:lpwstr>
  </property>
  <property fmtid="{D5CDD505-2E9C-101B-9397-08002B2CF9AE}" pid="11" name="ContentTypeId">
    <vt:lpwstr>0x0101002D35BE1AB82ED949983D4C3BEFB295AA</vt:lpwstr>
  </property>
  <property fmtid="{D5CDD505-2E9C-101B-9397-08002B2CF9AE}" pid="12" name="MediaServiceImageTags">
    <vt:lpwstr/>
  </property>
  <property fmtid="{D5CDD505-2E9C-101B-9397-08002B2CF9AE}" pid="13" name="Order">
    <vt:lpwstr>299200.000000000</vt:lpwstr>
  </property>
  <property fmtid="{D5CDD505-2E9C-101B-9397-08002B2CF9AE}" pid="14" name="xd_ProgID">
    <vt:lpwstr/>
  </property>
  <property fmtid="{D5CDD505-2E9C-101B-9397-08002B2CF9AE}" pid="15" name="ComplianceAssetId">
    <vt:lpwstr/>
  </property>
  <property fmtid="{D5CDD505-2E9C-101B-9397-08002B2CF9AE}" pid="16" name="TemplateUrl">
    <vt:lpwstr/>
  </property>
  <property fmtid="{D5CDD505-2E9C-101B-9397-08002B2CF9AE}" pid="17" name="_ExtendedDescription">
    <vt:lpwstr/>
  </property>
  <property fmtid="{D5CDD505-2E9C-101B-9397-08002B2CF9AE}" pid="18" name="TriggerFlowInfo">
    <vt:lpwstr/>
  </property>
  <property fmtid="{D5CDD505-2E9C-101B-9397-08002B2CF9AE}" pid="19" name="xd_Signature">
    <vt:lpwstr/>
  </property>
  <property fmtid="{D5CDD505-2E9C-101B-9397-08002B2CF9AE}" pid="20" name="SharedWithUsers">
    <vt:lpwstr>90;#Katie Erofeeva;#51;#Kim Wee;#87;#Macarena Losada</vt:lpwstr>
  </property>
</Properties>
</file>